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28680" yWindow="-120" windowWidth="29040" windowHeight="15840"/>
  </bookViews>
  <sheets>
    <sheet name="病院" sheetId="1" r:id="rId1"/>
    <sheet name="病院(H29)" sheetId="2" state="hidden" r:id="rId2"/>
  </sheets>
  <definedNames>
    <definedName name="_xlnm._FilterDatabase" localSheetId="1" hidden="1">'病院(H29)'!$A$1:$V$323</definedName>
    <definedName name="_xlnm.Print_Area" localSheetId="0">病院!$A$1:$BS$722</definedName>
    <definedName name="_xlnm.Print_Area" localSheetId="1">'病院(H29)'!$A$1:$W$694</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524" i="1" l="1"/>
  <c r="J524" i="1"/>
  <c r="J475" i="1" l="1"/>
  <c r="K565" i="1" l="1"/>
  <c r="K564" i="1"/>
  <c r="K563" i="1"/>
  <c r="K562" i="1"/>
  <c r="K561" i="1"/>
  <c r="K560" i="1"/>
  <c r="K559" i="1"/>
  <c r="K558" i="1"/>
  <c r="K557" i="1"/>
  <c r="K556" i="1"/>
  <c r="K555" i="1"/>
  <c r="K554" i="1"/>
  <c r="K553" i="1"/>
  <c r="K545" i="1"/>
  <c r="K544" i="1"/>
  <c r="K543" i="1"/>
  <c r="K542" i="1"/>
  <c r="K541" i="1"/>
  <c r="K540" i="1"/>
  <c r="K535" i="1"/>
  <c r="K530" i="1"/>
  <c r="K525" i="1"/>
  <c r="K523" i="1"/>
  <c r="K518" i="1"/>
  <c r="K517" i="1"/>
  <c r="K516" i="1"/>
  <c r="K515" i="1"/>
  <c r="K514" i="1"/>
  <c r="K513" i="1"/>
  <c r="K512" i="1"/>
  <c r="K511" i="1"/>
  <c r="K503" i="1"/>
  <c r="K502" i="1"/>
  <c r="K501" i="1"/>
  <c r="K500" i="1"/>
  <c r="K499" i="1"/>
  <c r="K498" i="1"/>
  <c r="K497" i="1"/>
  <c r="K496" i="1"/>
  <c r="K495" i="1"/>
  <c r="K494" i="1"/>
  <c r="K493" i="1"/>
  <c r="K492" i="1"/>
  <c r="K491" i="1"/>
  <c r="K490" i="1"/>
  <c r="K489" i="1"/>
  <c r="K487" i="1"/>
  <c r="K486" i="1"/>
  <c r="K485" i="1"/>
  <c r="K484" i="1"/>
  <c r="K483" i="1"/>
  <c r="K482" i="1"/>
  <c r="K481" i="1"/>
  <c r="K480" i="1"/>
  <c r="K479" i="1"/>
  <c r="K478" i="1"/>
  <c r="K477" i="1"/>
  <c r="K476" i="1"/>
  <c r="K475" i="1"/>
  <c r="K717" i="1"/>
  <c r="K716" i="1"/>
  <c r="K715" i="1"/>
  <c r="K714" i="1"/>
  <c r="K705" i="1"/>
  <c r="K704" i="1"/>
  <c r="K703" i="1"/>
  <c r="K702" i="1"/>
  <c r="K701" i="1"/>
  <c r="K693" i="1"/>
  <c r="K692" i="1"/>
  <c r="K691" i="1"/>
  <c r="K668" i="1"/>
  <c r="K667" i="1"/>
  <c r="K666" i="1"/>
  <c r="K665" i="1"/>
  <c r="K664" i="1"/>
  <c r="K663" i="1"/>
  <c r="K662" i="1"/>
  <c r="K661" i="1"/>
  <c r="K660" i="1"/>
  <c r="K659" i="1"/>
  <c r="K658" i="1"/>
  <c r="K657" i="1"/>
  <c r="K656" i="1"/>
  <c r="K655" i="1"/>
  <c r="K654" i="1"/>
  <c r="K646" i="1"/>
  <c r="K645" i="1"/>
  <c r="K644" i="1"/>
  <c r="K643" i="1"/>
  <c r="K642" i="1"/>
  <c r="K641" i="1"/>
  <c r="K640" i="1"/>
  <c r="K639" i="1"/>
  <c r="K631" i="1"/>
  <c r="K630" i="1"/>
  <c r="K629" i="1"/>
  <c r="K628" i="1"/>
  <c r="K627" i="1"/>
  <c r="K626" i="1"/>
  <c r="K625" i="1"/>
  <c r="K624" i="1"/>
  <c r="K623" i="1"/>
  <c r="K622" i="1"/>
  <c r="K621" i="1"/>
  <c r="K613" i="1"/>
  <c r="K612" i="1"/>
  <c r="K611" i="1"/>
  <c r="K610" i="1"/>
  <c r="K609" i="1"/>
  <c r="K608" i="1"/>
  <c r="K602" i="1"/>
  <c r="K601" i="1"/>
  <c r="K600" i="1"/>
  <c r="K598" i="1"/>
  <c r="K599" i="1"/>
  <c r="K450" i="1" l="1"/>
  <c r="J717" i="1"/>
  <c r="J716" i="1"/>
  <c r="J715" i="1"/>
  <c r="J714" i="1"/>
  <c r="J705" i="1"/>
  <c r="J704" i="1"/>
  <c r="J703" i="1"/>
  <c r="J702" i="1"/>
  <c r="J701" i="1"/>
  <c r="J693" i="1"/>
  <c r="J692" i="1"/>
  <c r="J691" i="1"/>
  <c r="J668" i="1"/>
  <c r="J667" i="1"/>
  <c r="J666" i="1"/>
  <c r="J665" i="1"/>
  <c r="J664" i="1"/>
  <c r="J663" i="1"/>
  <c r="J662" i="1"/>
  <c r="J661" i="1"/>
  <c r="J660" i="1"/>
  <c r="J659" i="1"/>
  <c r="J658" i="1"/>
  <c r="J657" i="1"/>
  <c r="J656" i="1"/>
  <c r="J655" i="1"/>
  <c r="J654" i="1"/>
  <c r="J646" i="1"/>
  <c r="J645" i="1"/>
  <c r="J644" i="1"/>
  <c r="J643" i="1"/>
  <c r="J642" i="1"/>
  <c r="J641" i="1"/>
  <c r="J640" i="1"/>
  <c r="J639" i="1"/>
  <c r="J631" i="1"/>
  <c r="J630" i="1"/>
  <c r="J629" i="1"/>
  <c r="J628" i="1"/>
  <c r="J627" i="1"/>
  <c r="J626" i="1"/>
  <c r="J625" i="1"/>
  <c r="J624" i="1"/>
  <c r="J623" i="1"/>
  <c r="J622" i="1"/>
  <c r="J621" i="1"/>
  <c r="J613" i="1"/>
  <c r="J612" i="1"/>
  <c r="J611" i="1"/>
  <c r="J610" i="1"/>
  <c r="J609" i="1"/>
  <c r="J608" i="1"/>
  <c r="K607" i="1"/>
  <c r="K606" i="1"/>
  <c r="K605" i="1"/>
  <c r="K604" i="1"/>
  <c r="K603" i="1"/>
  <c r="J602" i="1"/>
  <c r="J601" i="1"/>
  <c r="J600" i="1"/>
  <c r="J599" i="1"/>
  <c r="J598" i="1"/>
  <c r="J565" i="1"/>
  <c r="J564" i="1"/>
  <c r="J563" i="1"/>
  <c r="J562" i="1"/>
  <c r="J561" i="1"/>
  <c r="J560" i="1"/>
  <c r="J559" i="1"/>
  <c r="J558" i="1"/>
  <c r="J557" i="1"/>
  <c r="J556" i="1"/>
  <c r="J555" i="1"/>
  <c r="J554" i="1"/>
  <c r="J553" i="1"/>
  <c r="J545" i="1"/>
  <c r="J544" i="1"/>
  <c r="J543" i="1"/>
  <c r="J542" i="1"/>
  <c r="J541" i="1"/>
  <c r="J540" i="1"/>
  <c r="J535" i="1"/>
  <c r="J530" i="1"/>
  <c r="J525" i="1"/>
  <c r="J523" i="1"/>
  <c r="J518" i="1"/>
  <c r="J517" i="1"/>
  <c r="J516" i="1"/>
  <c r="J515" i="1"/>
  <c r="J514" i="1"/>
  <c r="J513" i="1"/>
  <c r="J512" i="1"/>
  <c r="J511" i="1"/>
  <c r="J503" i="1"/>
  <c r="J502" i="1"/>
  <c r="J501" i="1"/>
  <c r="J500" i="1"/>
  <c r="J499" i="1"/>
  <c r="J498" i="1"/>
  <c r="J497" i="1"/>
  <c r="J496" i="1"/>
  <c r="J495" i="1"/>
  <c r="J494" i="1"/>
  <c r="J493" i="1"/>
  <c r="J492" i="1"/>
  <c r="J491" i="1"/>
  <c r="J490" i="1"/>
  <c r="J489" i="1"/>
  <c r="J487" i="1"/>
  <c r="J486" i="1"/>
  <c r="J485" i="1"/>
  <c r="J484" i="1"/>
  <c r="J483" i="1"/>
  <c r="J482" i="1"/>
  <c r="J481" i="1"/>
  <c r="J480" i="1"/>
  <c r="J479" i="1"/>
  <c r="J478" i="1"/>
  <c r="J477" i="1"/>
  <c r="J476" i="1"/>
  <c r="K455" i="1"/>
  <c r="K454" i="1"/>
  <c r="K453" i="1"/>
  <c r="K452" i="1"/>
  <c r="K451" i="1"/>
  <c r="K441" i="1"/>
  <c r="J441" i="1"/>
  <c r="K440" i="1"/>
  <c r="J440" i="1"/>
  <c r="K439" i="1"/>
  <c r="J439" i="1"/>
  <c r="K438" i="1"/>
  <c r="J438" i="1"/>
  <c r="K437" i="1"/>
  <c r="J437" i="1"/>
  <c r="K429" i="1"/>
  <c r="J429" i="1"/>
  <c r="K428" i="1"/>
  <c r="J428" i="1"/>
  <c r="K427" i="1"/>
  <c r="J427" i="1"/>
  <c r="K426" i="1"/>
  <c r="J426" i="1"/>
  <c r="K425" i="1"/>
  <c r="J425" i="1"/>
  <c r="K424" i="1"/>
  <c r="J424" i="1"/>
  <c r="K423" i="1"/>
  <c r="J423" i="1"/>
  <c r="K422" i="1"/>
  <c r="J422" i="1"/>
  <c r="K421" i="1"/>
  <c r="J421" i="1"/>
  <c r="K420" i="1"/>
  <c r="J420" i="1"/>
  <c r="K419" i="1"/>
  <c r="J419" i="1"/>
  <c r="K418" i="1"/>
  <c r="J418" i="1"/>
  <c r="K417" i="1"/>
  <c r="J417" i="1"/>
  <c r="K416" i="1"/>
  <c r="J416" i="1"/>
  <c r="K415" i="1"/>
  <c r="J415" i="1"/>
  <c r="K414" i="1"/>
  <c r="J414" i="1"/>
  <c r="K413" i="1"/>
  <c r="J413" i="1"/>
  <c r="K412" i="1"/>
  <c r="J412" i="1"/>
  <c r="K404" i="1"/>
  <c r="J404" i="1"/>
  <c r="K403" i="1"/>
  <c r="J403" i="1"/>
  <c r="K402" i="1"/>
  <c r="J402" i="1"/>
  <c r="K401" i="1"/>
  <c r="J401" i="1"/>
  <c r="K400" i="1"/>
  <c r="J400" i="1"/>
  <c r="K399" i="1"/>
  <c r="J399" i="1"/>
  <c r="K299" i="1"/>
  <c r="J299" i="1"/>
  <c r="K298" i="1"/>
  <c r="J298" i="1"/>
  <c r="K297" i="1"/>
  <c r="J297" i="1"/>
  <c r="K296" i="1"/>
  <c r="J296" i="1"/>
  <c r="K295" i="1"/>
  <c r="K294" i="1"/>
  <c r="K293" i="1"/>
  <c r="K292" i="1"/>
  <c r="K291" i="1"/>
  <c r="J291" i="1"/>
  <c r="K290" i="1"/>
  <c r="J290" i="1"/>
  <c r="K289" i="1"/>
  <c r="J289" i="1"/>
  <c r="K288" i="1"/>
  <c r="J288" i="1"/>
  <c r="K287" i="1"/>
  <c r="J287" i="1"/>
  <c r="K286" i="1"/>
  <c r="J286" i="1"/>
  <c r="K285" i="1"/>
  <c r="J285" i="1"/>
  <c r="K284" i="1"/>
  <c r="J284" i="1"/>
  <c r="K283" i="1"/>
  <c r="J283" i="1"/>
  <c r="K282" i="1"/>
  <c r="J282" i="1"/>
  <c r="K281" i="1"/>
  <c r="J281" i="1"/>
  <c r="K280" i="1"/>
  <c r="J280" i="1"/>
  <c r="K279" i="1"/>
  <c r="J279" i="1"/>
  <c r="K278" i="1"/>
  <c r="J278" i="1"/>
  <c r="K277" i="1"/>
  <c r="J277" i="1"/>
  <c r="K276" i="1"/>
  <c r="J276" i="1"/>
  <c r="K275" i="1"/>
  <c r="K274" i="1"/>
  <c r="K273" i="1"/>
  <c r="K272" i="1"/>
  <c r="K227" i="1"/>
  <c r="J227" i="1"/>
  <c r="K226" i="1"/>
  <c r="J226" i="1"/>
  <c r="K225" i="1"/>
  <c r="J225" i="1"/>
  <c r="K224" i="1"/>
  <c r="J224" i="1"/>
  <c r="K223" i="1"/>
  <c r="J223" i="1"/>
  <c r="K222" i="1"/>
  <c r="J222" i="1"/>
  <c r="K221" i="1"/>
  <c r="J221" i="1"/>
  <c r="K220" i="1"/>
  <c r="J220" i="1"/>
  <c r="K219" i="1"/>
  <c r="J219" i="1"/>
  <c r="K218" i="1"/>
  <c r="J218" i="1"/>
  <c r="K217" i="1"/>
  <c r="J217" i="1"/>
  <c r="K216" i="1"/>
  <c r="J216" i="1"/>
  <c r="K215" i="1"/>
  <c r="J215" i="1"/>
  <c r="K214" i="1"/>
  <c r="J214" i="1"/>
  <c r="K213" i="1"/>
  <c r="J213" i="1"/>
  <c r="K212" i="1"/>
  <c r="J212" i="1"/>
  <c r="K211" i="1"/>
  <c r="J211" i="1"/>
  <c r="K210" i="1"/>
  <c r="J210" i="1"/>
  <c r="K209" i="1"/>
  <c r="J209" i="1"/>
  <c r="K208" i="1"/>
  <c r="J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J191" i="1"/>
  <c r="K190" i="1"/>
  <c r="J190" i="1"/>
  <c r="K189" i="1"/>
  <c r="J189" i="1"/>
  <c r="K188" i="1"/>
  <c r="J188" i="1"/>
  <c r="K187" i="1"/>
  <c r="J187" i="1"/>
  <c r="K186" i="1"/>
  <c r="J186" i="1"/>
  <c r="K185" i="1"/>
  <c r="J185" i="1"/>
  <c r="K184" i="1"/>
  <c r="J184" i="1"/>
  <c r="K183" i="1"/>
  <c r="J183" i="1"/>
  <c r="K182" i="1"/>
  <c r="J182" i="1"/>
  <c r="K181" i="1"/>
  <c r="J181" i="1"/>
  <c r="K180" i="1"/>
  <c r="J180" i="1"/>
  <c r="K179" i="1"/>
  <c r="J179" i="1"/>
  <c r="K178" i="1"/>
  <c r="J178" i="1"/>
  <c r="K177" i="1"/>
  <c r="J177" i="1"/>
  <c r="K176" i="1"/>
  <c r="J176" i="1"/>
  <c r="K175" i="1"/>
  <c r="J175" i="1"/>
  <c r="K174" i="1"/>
  <c r="J174" i="1"/>
  <c r="K173" i="1"/>
  <c r="J173" i="1"/>
  <c r="K172" i="1"/>
  <c r="J172" i="1"/>
  <c r="K171" i="1"/>
  <c r="J171" i="1"/>
  <c r="K170" i="1"/>
  <c r="J170" i="1"/>
  <c r="K169" i="1"/>
  <c r="J169" i="1"/>
  <c r="K168" i="1"/>
  <c r="J168" i="1"/>
  <c r="K167" i="1"/>
  <c r="J167" i="1"/>
  <c r="K166" i="1"/>
  <c r="J166" i="1"/>
  <c r="K165" i="1"/>
  <c r="J165" i="1"/>
  <c r="K164" i="1"/>
  <c r="J164" i="1"/>
  <c r="K163" i="1"/>
  <c r="J163" i="1"/>
  <c r="K162" i="1"/>
  <c r="J162" i="1"/>
  <c r="K161" i="1"/>
  <c r="J161" i="1"/>
  <c r="K160" i="1"/>
  <c r="J160" i="1"/>
  <c r="K159" i="1"/>
  <c r="J159" i="1"/>
  <c r="K158" i="1"/>
  <c r="J158" i="1"/>
  <c r="K157" i="1"/>
  <c r="J157" i="1"/>
  <c r="K156" i="1"/>
  <c r="J156" i="1"/>
  <c r="K155" i="1"/>
  <c r="J155" i="1"/>
  <c r="K154" i="1"/>
  <c r="J154" i="1"/>
  <c r="K153" i="1"/>
  <c r="J153" i="1"/>
  <c r="K152" i="1"/>
  <c r="J152" i="1"/>
  <c r="K118" i="1"/>
  <c r="J118" i="1"/>
  <c r="K117" i="1"/>
  <c r="J117" i="1"/>
  <c r="K116" i="1"/>
  <c r="J116" i="1"/>
  <c r="K115" i="1"/>
  <c r="J115" i="1"/>
  <c r="K114" i="1"/>
  <c r="J114" i="1"/>
  <c r="K113" i="1"/>
  <c r="J113" i="1"/>
  <c r="K112" i="1"/>
  <c r="J112" i="1"/>
  <c r="K111" i="1"/>
  <c r="J111" i="1"/>
  <c r="K110" i="1"/>
  <c r="J110" i="1"/>
  <c r="K109" i="1"/>
  <c r="J109" i="1"/>
  <c r="K108" i="1"/>
  <c r="J108" i="1"/>
  <c r="K107" i="1"/>
  <c r="J107" i="1"/>
  <c r="K106" i="1"/>
  <c r="J106" i="1"/>
  <c r="L378" i="1" l="1"/>
  <c r="J488" i="1" l="1"/>
  <c r="K488" i="1"/>
</calcChain>
</file>

<file path=xl/sharedStrings.xml><?xml version="1.0" encoding="utf-8"?>
<sst xmlns="http://schemas.openxmlformats.org/spreadsheetml/2006/main" count="2985" uniqueCount="1054">
  <si>
    <t>保有する病棟と機能区分の選択状況（2017（平成29）年7月1日時点の機能）</t>
    <rPh sb="0" eb="2">
      <t>ホユウ</t>
    </rPh>
    <rPh sb="4" eb="6">
      <t>ビョウトウ</t>
    </rPh>
    <rPh sb="7" eb="9">
      <t>キノウ</t>
    </rPh>
    <rPh sb="9" eb="11">
      <t>クブン</t>
    </rPh>
    <rPh sb="12" eb="14">
      <t>センタク</t>
    </rPh>
    <rPh sb="14" eb="16">
      <t>ジョウキョウ</t>
    </rPh>
    <phoneticPr fontId="10"/>
  </si>
  <si>
    <t>病床の機能区分</t>
    <rPh sb="0" eb="2">
      <t>ビョウショウ</t>
    </rPh>
    <rPh sb="3" eb="5">
      <t>キノウ</t>
    </rPh>
    <rPh sb="5" eb="7">
      <t>クブン</t>
    </rPh>
    <phoneticPr fontId="10"/>
  </si>
  <si>
    <t>高度急性期</t>
  </si>
  <si>
    <t>急性期</t>
    <rPh sb="0" eb="3">
      <t>キュウセイキ</t>
    </rPh>
    <phoneticPr fontId="10"/>
  </si>
  <si>
    <t>回復期</t>
    <rPh sb="0" eb="3">
      <t>カイフクキ</t>
    </rPh>
    <phoneticPr fontId="10"/>
  </si>
  <si>
    <t>慢性期</t>
    <rPh sb="0" eb="3">
      <t>マンセイキ</t>
    </rPh>
    <phoneticPr fontId="10"/>
  </si>
  <si>
    <t>休棟中、休棟後の再開の予定なし、休棟・廃止予定、無回答等</t>
    <phoneticPr fontId="10"/>
  </si>
  <si>
    <t>保有する病棟と機能区分の選択状況（6年が経過した日における病床の機能の予定）</t>
    <rPh sb="0" eb="2">
      <t>ホユウ</t>
    </rPh>
    <rPh sb="4" eb="6">
      <t>ビョウトウ</t>
    </rPh>
    <rPh sb="7" eb="9">
      <t>キノウ</t>
    </rPh>
    <rPh sb="9" eb="11">
      <t>クブン</t>
    </rPh>
    <rPh sb="12" eb="14">
      <t>センタク</t>
    </rPh>
    <rPh sb="14" eb="16">
      <t>ジョウキョウ</t>
    </rPh>
    <phoneticPr fontId="10"/>
  </si>
  <si>
    <t>介護保険施設等へ移行予定</t>
    <phoneticPr fontId="10"/>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0"/>
  </si>
  <si>
    <t>移行予定先の区分</t>
    <rPh sb="0" eb="2">
      <t>イコウ</t>
    </rPh>
    <rPh sb="2" eb="4">
      <t>ヨテイ</t>
    </rPh>
    <rPh sb="4" eb="5">
      <t>サキ</t>
    </rPh>
    <rPh sb="6" eb="8">
      <t>クブン</t>
    </rPh>
    <phoneticPr fontId="10"/>
  </si>
  <si>
    <t>介護医療院に移行予定</t>
    <phoneticPr fontId="10"/>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10"/>
  </si>
  <si>
    <t>・承認の有無</t>
    <phoneticPr fontId="10"/>
  </si>
  <si>
    <t>・病床の状況</t>
  </si>
  <si>
    <t>・診療報酬の届出の有無</t>
    <phoneticPr fontId="10"/>
  </si>
  <si>
    <t>・診療科</t>
  </si>
  <si>
    <t>・職員数の状況</t>
  </si>
  <si>
    <t>・入院基本料・特定入院料及び届出病床数</t>
  </si>
  <si>
    <t>・退院調整部門の設置状況</t>
  </si>
  <si>
    <t>・算定する入院基本用・特定入院料等の状況</t>
    <phoneticPr fontId="10"/>
  </si>
  <si>
    <t>・医療機器の台数</t>
  </si>
  <si>
    <t>・DPC医療機関群の種類</t>
  </si>
  <si>
    <t>・過去1年間の間に病棟の再編・見直しがあった場合の報告対象期間</t>
  </si>
  <si>
    <t>・救急告示病院、二次救急医療施設、三次救急医療施設の告示・認定の有無</t>
    <phoneticPr fontId="10"/>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rPh sb="0" eb="2">
      <t>セッチ</t>
    </rPh>
    <rPh sb="2" eb="4">
      <t>シュタイ</t>
    </rPh>
    <phoneticPr fontId="10"/>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10"/>
  </si>
  <si>
    <t>病床の状況</t>
    <rPh sb="0" eb="2">
      <t>ビョウショウ</t>
    </rPh>
    <rPh sb="3" eb="5">
      <t>ジョウキョウ</t>
    </rPh>
    <phoneticPr fontId="10"/>
  </si>
  <si>
    <t>（項目の解説）</t>
  </si>
  <si>
    <t>一般病床</t>
    <rPh sb="0" eb="1">
      <t>イッ</t>
    </rPh>
    <rPh sb="1" eb="2">
      <t>ハン</t>
    </rPh>
    <rPh sb="2" eb="3">
      <t>ビョウ</t>
    </rPh>
    <rPh sb="3" eb="4">
      <t>ショウ</t>
    </rPh>
    <phoneticPr fontId="10"/>
  </si>
  <si>
    <t>許可病床</t>
    <rPh sb="0" eb="2">
      <t>キョカ</t>
    </rPh>
    <rPh sb="2" eb="4">
      <t>ビョウショウ</t>
    </rPh>
    <phoneticPr fontId="10"/>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0"/>
  </si>
  <si>
    <t>上記のうち医療法上の経過措置に該当する病床数</t>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稼動病床数が0床である理由</t>
    <phoneticPr fontId="10"/>
  </si>
  <si>
    <t>診療科</t>
    <rPh sb="0" eb="3">
      <t>シンリョウカ</t>
    </rPh>
    <phoneticPr fontId="10"/>
  </si>
  <si>
    <t>主とする診療科</t>
    <rPh sb="0" eb="1">
      <t>シュ</t>
    </rPh>
    <rPh sb="4" eb="7">
      <t>シンリョウカ</t>
    </rPh>
    <phoneticPr fontId="10"/>
  </si>
  <si>
    <t xml:space="preserve">主とする診療科は、５割以上の患者を診療している診療科を示しています。５割を超える診療科がない場合は、上位３つの診療科を示しています。
</t>
    <phoneticPr fontId="10"/>
  </si>
  <si>
    <t>複数ある場合、上位３つ</t>
    <rPh sb="0" eb="2">
      <t>フクスウ</t>
    </rPh>
    <rPh sb="4" eb="6">
      <t>バアイ</t>
    </rPh>
    <rPh sb="7" eb="9">
      <t>ジョウイ</t>
    </rPh>
    <phoneticPr fontId="3"/>
  </si>
  <si>
    <t>入院基本料・特定入院料及び届出病床数</t>
    <phoneticPr fontId="10"/>
  </si>
  <si>
    <t>（項目の解説）</t>
    <phoneticPr fontId="3"/>
  </si>
  <si>
    <t>算定する入院基本料・特定入院料</t>
    <phoneticPr fontId="10"/>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いくつ設定されているか（届出病床数）を示します。</t>
    <phoneticPr fontId="10"/>
  </si>
  <si>
    <t>届出病床数</t>
    <phoneticPr fontId="10"/>
  </si>
  <si>
    <t>病室単位の特定入院料</t>
    <phoneticPr fontId="10"/>
  </si>
  <si>
    <t>届出病床数</t>
    <rPh sb="0" eb="2">
      <t>トドケデ</t>
    </rPh>
    <rPh sb="2" eb="5">
      <t>ビョウショウスウ</t>
    </rPh>
    <rPh sb="4" eb="5">
      <t>スウ</t>
    </rPh>
    <phoneticPr fontId="10"/>
  </si>
  <si>
    <t>介護療養病床において療養型介護療養施設サービス費等の届出あり</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phoneticPr fontId="10"/>
  </si>
  <si>
    <t>算定する入院基本料・特定入院料等の状況</t>
    <rPh sb="0" eb="2">
      <t>サンテイ</t>
    </rPh>
    <rPh sb="4" eb="6">
      <t>ニュウイン</t>
    </rPh>
    <rPh sb="6" eb="8">
      <t>キホン</t>
    </rPh>
    <rPh sb="8" eb="9">
      <t>リョウ</t>
    </rPh>
    <rPh sb="10" eb="12">
      <t>トクテイ</t>
    </rPh>
    <rPh sb="12" eb="14">
      <t>ニュウイン</t>
    </rPh>
    <rPh sb="14" eb="15">
      <t>リョウ</t>
    </rPh>
    <rPh sb="15" eb="16">
      <t>トウ</t>
    </rPh>
    <rPh sb="17" eb="19">
      <t>ジョウキョウ</t>
    </rPh>
    <phoneticPr fontId="10"/>
  </si>
  <si>
    <t>一般病棟７対１入院基本料</t>
    <phoneticPr fontId="10"/>
  </si>
  <si>
    <t xml:space="preserve">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実際にどれだけの患者に適用されているか（レセプト件数）を示します。
</t>
    <phoneticPr fontId="10"/>
  </si>
  <si>
    <t>一般病棟10対１入院基本料</t>
    <phoneticPr fontId="10"/>
  </si>
  <si>
    <t>一般病棟13対１入院基本料</t>
    <phoneticPr fontId="10"/>
  </si>
  <si>
    <t>一般病棟15対１入院基本料</t>
    <phoneticPr fontId="10"/>
  </si>
  <si>
    <t>一般病棟特別入院基本料</t>
    <phoneticPr fontId="10"/>
  </si>
  <si>
    <t>一般病棟入院基本料</t>
    <phoneticPr fontId="10"/>
  </si>
  <si>
    <t>療養病棟入院基本料１</t>
    <phoneticPr fontId="10"/>
  </si>
  <si>
    <t>療養病棟入院基本料２</t>
    <phoneticPr fontId="10"/>
  </si>
  <si>
    <t>療養病棟特別入院基本料</t>
    <phoneticPr fontId="10"/>
  </si>
  <si>
    <t>介護療養病床における療養型介護療養施設サービス費等</t>
    <phoneticPr fontId="10"/>
  </si>
  <si>
    <t>特定機能病院一般病棟７対１入院基本料</t>
    <phoneticPr fontId="10"/>
  </si>
  <si>
    <t>特定機能病院一般病棟10対１入院基本料</t>
    <phoneticPr fontId="10"/>
  </si>
  <si>
    <t>専門病院７対１入院基本料</t>
    <phoneticPr fontId="10"/>
  </si>
  <si>
    <t>専門病院10対１入院基本料</t>
    <phoneticPr fontId="10"/>
  </si>
  <si>
    <t>専門病院13対１入院基本料</t>
    <phoneticPr fontId="10"/>
  </si>
  <si>
    <t>障害者施設等７対１入院基本料</t>
    <phoneticPr fontId="10"/>
  </si>
  <si>
    <t>障害者施設等10対１入院基本料</t>
    <phoneticPr fontId="10"/>
  </si>
  <si>
    <t>障害者施設等13対１入院基本料</t>
    <phoneticPr fontId="10"/>
  </si>
  <si>
    <t>障害者施設等15対１入院基本料</t>
    <phoneticPr fontId="10"/>
  </si>
  <si>
    <t>障害者施設等特定入院基本料</t>
    <phoneticPr fontId="10"/>
  </si>
  <si>
    <t>救命救急入院料１</t>
    <phoneticPr fontId="10"/>
  </si>
  <si>
    <t>救命救急入院料２</t>
  </si>
  <si>
    <t>救命救急入院料３</t>
  </si>
  <si>
    <t>救命救急入院料４</t>
  </si>
  <si>
    <t>特定集中治療室管理料１</t>
    <phoneticPr fontId="10"/>
  </si>
  <si>
    <t>特定集中治療室管理料２</t>
  </si>
  <si>
    <t>特定集中治療室管理料３</t>
  </si>
  <si>
    <t>特定集中治療室管理料４</t>
  </si>
  <si>
    <t>ハイケアユニット入院医療管理料１</t>
    <phoneticPr fontId="10"/>
  </si>
  <si>
    <t>ハイケアユニット入院医療管理料２</t>
    <phoneticPr fontId="10"/>
  </si>
  <si>
    <t>脳卒中ケアユニット入院医療管理料</t>
    <phoneticPr fontId="10"/>
  </si>
  <si>
    <t>小児特定集中治療室管理料</t>
    <phoneticPr fontId="10"/>
  </si>
  <si>
    <t>新生児特定集中治療室管理料１</t>
    <phoneticPr fontId="10"/>
  </si>
  <si>
    <t>新生児特定集中治療室管理料２</t>
  </si>
  <si>
    <t>総合周産期特定集中治療室管理料（母体・胎児）</t>
    <phoneticPr fontId="10"/>
  </si>
  <si>
    <t>総合周産期特定集中治療室管理料（新生児）</t>
    <phoneticPr fontId="10"/>
  </si>
  <si>
    <t>新生児治療回復室入院医療管理料</t>
    <phoneticPr fontId="10"/>
  </si>
  <si>
    <t>特殊疾患入院医療管理料</t>
    <phoneticPr fontId="10"/>
  </si>
  <si>
    <t>小児入院医療管理料１</t>
    <phoneticPr fontId="10"/>
  </si>
  <si>
    <t>小児入院医療管理料２</t>
  </si>
  <si>
    <t>小児入院医療管理料３</t>
  </si>
  <si>
    <t>小児入院医療管理料４</t>
  </si>
  <si>
    <t>小児入院医療管理料５</t>
  </si>
  <si>
    <t>回復期リハビリテーション病棟入院料１</t>
    <phoneticPr fontId="10"/>
  </si>
  <si>
    <t>回復期リハビリテーション病棟入院料２</t>
  </si>
  <si>
    <t>回復期リハビリテーション病棟入院料３</t>
  </si>
  <si>
    <t>地域包括ケア病棟入院料１</t>
    <phoneticPr fontId="10"/>
  </si>
  <si>
    <t>地域包括ケア病棟入院料２</t>
  </si>
  <si>
    <t>地域包括ケア入院医療管理料１</t>
    <phoneticPr fontId="10"/>
  </si>
  <si>
    <t>地域包括ケア入院医療管理料２</t>
  </si>
  <si>
    <t>特殊疾患病棟入院料１</t>
    <phoneticPr fontId="10"/>
  </si>
  <si>
    <t>特殊疾患病棟入院料２</t>
    <phoneticPr fontId="10"/>
  </si>
  <si>
    <t>緩和ケア病棟入院料</t>
    <phoneticPr fontId="10"/>
  </si>
  <si>
    <t>特定一般病棟入院料１</t>
    <phoneticPr fontId="10"/>
  </si>
  <si>
    <t>特定一般病棟入院料（地域包括ケア入院医療管理１）</t>
    <phoneticPr fontId="10"/>
  </si>
  <si>
    <t>特定一般病棟入院料２</t>
    <phoneticPr fontId="10"/>
  </si>
  <si>
    <t>特定一般病棟入院料（地域包括ケア入院医療管理２）</t>
    <phoneticPr fontId="10"/>
  </si>
  <si>
    <t>特定一般病棟入院料（療養病棟入院基本料１の例により算定）</t>
    <phoneticPr fontId="10"/>
  </si>
  <si>
    <t>短期滞在手術等基本料２</t>
    <phoneticPr fontId="10"/>
  </si>
  <si>
    <t>短期滞在手術等基本料３</t>
    <phoneticPr fontId="10"/>
  </si>
  <si>
    <t>DPC医療機関群の種類</t>
    <rPh sb="3" eb="5">
      <t>イリョウ</t>
    </rPh>
    <rPh sb="5" eb="7">
      <t>キカン</t>
    </rPh>
    <rPh sb="7" eb="8">
      <t>グン</t>
    </rPh>
    <rPh sb="9" eb="11">
      <t>シュルイ</t>
    </rPh>
    <phoneticPr fontId="10"/>
  </si>
  <si>
    <t>（項目の解説）</t>
    <phoneticPr fontId="3"/>
  </si>
  <si>
    <t xml:space="preserve">DPC制度とは、急性期の入院医療を担う医療機関において、患者に対し、入院日数に応じた１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10"/>
  </si>
  <si>
    <t>救急告示病院、二次救急医療施設、三次救急医療施設の告示・認定の有無</t>
    <rPh sb="16" eb="18">
      <t>ミヨシ</t>
    </rPh>
    <rPh sb="18" eb="20">
      <t>キュウキュウ</t>
    </rPh>
    <rPh sb="20" eb="22">
      <t>イリョウ</t>
    </rPh>
    <rPh sb="22" eb="24">
      <t>シセツ</t>
    </rPh>
    <phoneticPr fontId="10"/>
  </si>
  <si>
    <t>救急告示病院の告示の有無</t>
    <rPh sb="0" eb="2">
      <t>キュウキュウ</t>
    </rPh>
    <rPh sb="2" eb="4">
      <t>コクジ</t>
    </rPh>
    <rPh sb="4" eb="6">
      <t>ビョウイン</t>
    </rPh>
    <rPh sb="7" eb="9">
      <t>コクジ</t>
    </rPh>
    <rPh sb="10" eb="12">
      <t>ウム</t>
    </rPh>
    <phoneticPr fontId="10"/>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10"/>
  </si>
  <si>
    <t>二次救急医療施設の認定の有無</t>
    <phoneticPr fontId="10"/>
  </si>
  <si>
    <t>三次救急医療施設の認定の有無</t>
    <phoneticPr fontId="10"/>
  </si>
  <si>
    <t>承認の有無</t>
    <phoneticPr fontId="10"/>
  </si>
  <si>
    <t>特定機能病院の承認の有無</t>
    <phoneticPr fontId="10"/>
  </si>
  <si>
    <t xml:space="preserve">特定機能病院とは、高度の医療の提供、高度の医療技術の開発及び高度の医療に関する研修を実施する能力を備えた病院として、厚生労働大臣が承認した病院をいいます。
</t>
    <phoneticPr fontId="10"/>
  </si>
  <si>
    <t>地域医療支援病院の承認の有無</t>
    <phoneticPr fontId="10"/>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10"/>
  </si>
  <si>
    <t>診療報酬の届出の有無</t>
    <rPh sb="0" eb="2">
      <t>シンリョウ</t>
    </rPh>
    <rPh sb="2" eb="4">
      <t>ホウシュウ</t>
    </rPh>
    <rPh sb="5" eb="7">
      <t>トドケデ</t>
    </rPh>
    <rPh sb="8" eb="10">
      <t>ウム</t>
    </rPh>
    <phoneticPr fontId="10"/>
  </si>
  <si>
    <t>総合入院体制加算の届出の有無</t>
    <rPh sb="0" eb="2">
      <t>ソウゴウ</t>
    </rPh>
    <rPh sb="2" eb="4">
      <t>ニュウイン</t>
    </rPh>
    <rPh sb="4" eb="6">
      <t>タイセイ</t>
    </rPh>
    <rPh sb="6" eb="8">
      <t>カサン</t>
    </rPh>
    <rPh sb="9" eb="11">
      <t>トドケデ</t>
    </rPh>
    <rPh sb="12" eb="14">
      <t>ウム</t>
    </rPh>
    <phoneticPr fontId="10"/>
  </si>
  <si>
    <t xml:space="preserve">総合入院体制加算とは、十分な人員配置および設備等を備え総合的かつ専門的な急性期医療を24時間提供できる体制等を確保している病院のことです。
</t>
    <phoneticPr fontId="10"/>
  </si>
  <si>
    <t>在宅療養支援病院の届出の有無</t>
    <rPh sb="0" eb="2">
      <t>ザイタク</t>
    </rPh>
    <rPh sb="2" eb="4">
      <t>リョウヨウ</t>
    </rPh>
    <rPh sb="4" eb="6">
      <t>シエン</t>
    </rPh>
    <rPh sb="6" eb="8">
      <t>ビョウイン</t>
    </rPh>
    <rPh sb="9" eb="11">
      <t>トドケデ</t>
    </rPh>
    <rPh sb="12" eb="14">
      <t>ウム</t>
    </rPh>
    <phoneticPr fontId="10"/>
  </si>
  <si>
    <t xml:space="preserve">在宅療養支援病院とは、24時間往診が可能な体制を確保し、また訪問看護ステーションとの連携により24時間訪問看護の提供が可能な体制を確保している病院のことです。
</t>
    <phoneticPr fontId="10"/>
  </si>
  <si>
    <t>在宅療養後方支援病院の届出の有無</t>
    <phoneticPr fontId="10"/>
  </si>
  <si>
    <t xml:space="preserve">在宅療養後方支援病院とは、在宅医療を受けている患者の急変時に備え、緊急入院を受け入れるための病床を確保している病院です。
</t>
    <phoneticPr fontId="10"/>
  </si>
  <si>
    <t>職員数の状況</t>
    <rPh sb="0" eb="2">
      <t>ショクイン</t>
    </rPh>
    <rPh sb="2" eb="3">
      <t>スウ</t>
    </rPh>
    <rPh sb="4" eb="6">
      <t>ジョウキョウ</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10"/>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rPh sb="0" eb="2">
      <t>リンショウ</t>
    </rPh>
    <rPh sb="2" eb="4">
      <t>ケンサ</t>
    </rPh>
    <rPh sb="4" eb="6">
      <t>ギシ</t>
    </rPh>
    <phoneticPr fontId="10"/>
  </si>
  <si>
    <t>臨床工学技士</t>
    <phoneticPr fontId="10"/>
  </si>
  <si>
    <t>管理栄養士</t>
    <rPh sb="0" eb="2">
      <t>カンリ</t>
    </rPh>
    <rPh sb="2" eb="5">
      <t>エイヨウシ</t>
    </rPh>
    <phoneticPr fontId="10"/>
  </si>
  <si>
    <t>病棟以外の部門</t>
    <rPh sb="0" eb="2">
      <t>ビョウトウ</t>
    </rPh>
    <rPh sb="2" eb="4">
      <t>イガイ</t>
    </rPh>
    <rPh sb="5" eb="7">
      <t>ブモン</t>
    </rPh>
    <phoneticPr fontId="10"/>
  </si>
  <si>
    <t>（項目の解説）</t>
    <phoneticPr fontId="3"/>
  </si>
  <si>
    <t>手術室</t>
    <rPh sb="0" eb="3">
      <t>シュジュツシツ</t>
    </rPh>
    <phoneticPr fontId="10"/>
  </si>
  <si>
    <t>外来部門</t>
    <rPh sb="0" eb="2">
      <t>ガイライ</t>
    </rPh>
    <rPh sb="2" eb="4">
      <t>ブモン</t>
    </rPh>
    <phoneticPr fontId="10"/>
  </si>
  <si>
    <t>その他</t>
    <rPh sb="2" eb="3">
      <t>タ</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10"/>
  </si>
  <si>
    <t>臨床工学技士</t>
    <rPh sb="0" eb="2">
      <t>リンショウ</t>
    </rPh>
    <rPh sb="2" eb="4">
      <t>コウガク</t>
    </rPh>
    <rPh sb="4" eb="6">
      <t>ギ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10"/>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10"/>
  </si>
  <si>
    <t xml:space="preserve">ガンマナイフは、脳に精密に放射線を集中照射する装置です。値は医療機関が保有する台数です。
</t>
    <phoneticPr fontId="10"/>
  </si>
  <si>
    <t>サイバーナイフ</t>
    <phoneticPr fontId="10"/>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9">
      <t>シエンキ</t>
    </rPh>
    <rPh sb="9" eb="10">
      <t>キ</t>
    </rPh>
    <phoneticPr fontId="10"/>
  </si>
  <si>
    <t xml:space="preserve">内視鏡手術用支援機器（ダヴィンチ）は、内視鏡カメラとロボットアームを操作して手術を行う手術支援ロボットです。値は医療機関が保有する台数です。
</t>
    <phoneticPr fontId="10"/>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0"/>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0"/>
  </si>
  <si>
    <t>TOPへ戻る</t>
    <rPh sb="4" eb="5">
      <t>モド</t>
    </rPh>
    <phoneticPr fontId="3"/>
  </si>
  <si>
    <t>・入院患者の状況（年間）</t>
    <phoneticPr fontId="10"/>
  </si>
  <si>
    <t>・入院患者の状況（月間／入棟前の場所・退棟先の場所の状況）</t>
    <rPh sb="12" eb="13">
      <t>ニュウ</t>
    </rPh>
    <rPh sb="13" eb="14">
      <t>トウ</t>
    </rPh>
    <rPh sb="14" eb="15">
      <t>マエ</t>
    </rPh>
    <rPh sb="19" eb="20">
      <t>タイ</t>
    </rPh>
    <rPh sb="20" eb="21">
      <t>トウ</t>
    </rPh>
    <phoneticPr fontId="10"/>
  </si>
  <si>
    <t>・退院後に在宅医療を必要とする患者の状況</t>
    <phoneticPr fontId="10"/>
  </si>
  <si>
    <t>・看取りを行った患者数</t>
    <phoneticPr fontId="10"/>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項目の解説）</t>
    <phoneticPr fontId="3"/>
  </si>
  <si>
    <t>年間</t>
    <rPh sb="0" eb="1">
      <t>ネン</t>
    </rPh>
    <rPh sb="1" eb="2">
      <t>マ</t>
    </rPh>
    <phoneticPr fontId="10"/>
  </si>
  <si>
    <t>新規入棟患者数（年間）</t>
    <rPh sb="0" eb="2">
      <t>シンキ</t>
    </rPh>
    <rPh sb="2" eb="4">
      <t>ニュウトウ</t>
    </rPh>
    <rPh sb="4" eb="7">
      <t>カンジャスウ</t>
    </rPh>
    <rPh sb="8" eb="10">
      <t>ネンカン</t>
    </rPh>
    <phoneticPr fontId="10"/>
  </si>
  <si>
    <t xml:space="preserve">１年間の入院患者の状況は、平成28年7月から平成29年6月までに入院、退院した患者数を示す項目です。
</t>
    <phoneticPr fontId="10"/>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10"/>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10"/>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10"/>
  </si>
  <si>
    <t>在棟患者延べ数（年間）</t>
    <rPh sb="0" eb="1">
      <t>ザイ</t>
    </rPh>
    <rPh sb="1" eb="2">
      <t>ムネ</t>
    </rPh>
    <rPh sb="2" eb="4">
      <t>カンジャ</t>
    </rPh>
    <rPh sb="4" eb="5">
      <t>ノ</t>
    </rPh>
    <rPh sb="6" eb="7">
      <t>スウ</t>
    </rPh>
    <rPh sb="8" eb="10">
      <t>ネンカン</t>
    </rPh>
    <phoneticPr fontId="10"/>
  </si>
  <si>
    <t>退棟患者数（年間）</t>
    <rPh sb="0" eb="2">
      <t>タイトウ</t>
    </rPh>
    <rPh sb="2" eb="4">
      <t>カンジャ</t>
    </rPh>
    <rPh sb="4" eb="5">
      <t>スウ</t>
    </rPh>
    <rPh sb="6" eb="8">
      <t>ネンカン</t>
    </rPh>
    <phoneticPr fontId="10"/>
  </si>
  <si>
    <t>入院患者の状況（月間・年間／入棟前の場所・退棟先の場所の状況）</t>
    <rPh sb="0" eb="2">
      <t>ニュウイン</t>
    </rPh>
    <rPh sb="2" eb="4">
      <t>カンジャ</t>
    </rPh>
    <rPh sb="5" eb="7">
      <t>ジョウキョウ</t>
    </rPh>
    <rPh sb="8" eb="10">
      <t>ゲッカン</t>
    </rPh>
    <rPh sb="18" eb="20">
      <t>バショ</t>
    </rPh>
    <rPh sb="21" eb="22">
      <t>タイ</t>
    </rPh>
    <rPh sb="22" eb="23">
      <t>トウ</t>
    </rPh>
    <rPh sb="23" eb="24">
      <t>サキ</t>
    </rPh>
    <rPh sb="25" eb="27">
      <t>バショ</t>
    </rPh>
    <rPh sb="28" eb="30">
      <t>ジョウキョウ</t>
    </rPh>
    <phoneticPr fontId="3"/>
  </si>
  <si>
    <t>１ヶ月間</t>
    <phoneticPr fontId="10"/>
  </si>
  <si>
    <t>新規入棟患者数（１ヶ月間）</t>
    <rPh sb="0" eb="2">
      <t>シンキ</t>
    </rPh>
    <rPh sb="2" eb="4">
      <t>ニュウトウ</t>
    </rPh>
    <rPh sb="4" eb="7">
      <t>カンジャスウ</t>
    </rPh>
    <phoneticPr fontId="10"/>
  </si>
  <si>
    <t xml:space="preserve">1か月間の入院患者の状況は、平成29年6月に入院を受け入れた患者の入院前の場所、退院した患者の退院先の場所を示す項目です。
</t>
    <phoneticPr fontId="10"/>
  </si>
  <si>
    <t>入棟前の場所</t>
    <rPh sb="0" eb="1">
      <t>ニュウ</t>
    </rPh>
    <rPh sb="1" eb="2">
      <t>トウ</t>
    </rPh>
    <rPh sb="2" eb="3">
      <t>マエ</t>
    </rPh>
    <phoneticPr fontId="10"/>
  </si>
  <si>
    <t>うち院内の他病棟からの転棟</t>
    <rPh sb="2" eb="4">
      <t>インナイ</t>
    </rPh>
    <rPh sb="5" eb="6">
      <t>タ</t>
    </rPh>
    <rPh sb="6" eb="8">
      <t>ビョウトウ</t>
    </rPh>
    <rPh sb="11" eb="12">
      <t>テン</t>
    </rPh>
    <rPh sb="12" eb="13">
      <t>トウ</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介護施設、福祉施設からの入院</t>
    <rPh sb="2" eb="4">
      <t>カイゴ</t>
    </rPh>
    <rPh sb="4" eb="6">
      <t>シセツ</t>
    </rPh>
    <rPh sb="7" eb="9">
      <t>フクシ</t>
    </rPh>
    <rPh sb="9" eb="11">
      <t>シセツ</t>
    </rPh>
    <rPh sb="14" eb="16">
      <t>ニュウイン</t>
    </rPh>
    <phoneticPr fontId="10"/>
  </si>
  <si>
    <t>うち院内の出生</t>
    <rPh sb="2" eb="4">
      <t>インナイ</t>
    </rPh>
    <rPh sb="5" eb="7">
      <t>シュッショウ</t>
    </rPh>
    <phoneticPr fontId="10"/>
  </si>
  <si>
    <t>退棟患者数（1ヶ月間）</t>
    <rPh sb="0" eb="2">
      <t>タイトウ</t>
    </rPh>
    <rPh sb="2" eb="4">
      <t>カンジャ</t>
    </rPh>
    <rPh sb="4" eb="5">
      <t>スウ</t>
    </rPh>
    <phoneticPr fontId="10"/>
  </si>
  <si>
    <t>退棟先の場所</t>
    <rPh sb="0" eb="1">
      <t>シリゾ</t>
    </rPh>
    <rPh sb="1" eb="2">
      <t>トウ</t>
    </rPh>
    <rPh sb="2" eb="3">
      <t>サキ</t>
    </rPh>
    <rPh sb="4" eb="5">
      <t>バ</t>
    </rPh>
    <rPh sb="5" eb="6">
      <t>ジョ</t>
    </rPh>
    <phoneticPr fontId="10"/>
  </si>
  <si>
    <t>うち院内の他病棟へ転棟</t>
    <rPh sb="2" eb="4">
      <t>インナイ</t>
    </rPh>
    <rPh sb="5" eb="6">
      <t>タ</t>
    </rPh>
    <rPh sb="6" eb="8">
      <t>ビョウトウ</t>
    </rPh>
    <rPh sb="9" eb="11">
      <t>テントウ</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2">
      <t>ネンカン</t>
    </rPh>
    <phoneticPr fontId="10"/>
  </si>
  <si>
    <t>新規入棟患者数（年間）</t>
    <rPh sb="0" eb="2">
      <t>シンキ</t>
    </rPh>
    <rPh sb="2" eb="4">
      <t>ニュウトウ</t>
    </rPh>
    <rPh sb="4" eb="7">
      <t>カンジャスウ</t>
    </rPh>
    <rPh sb="8" eb="9">
      <t>ネン</t>
    </rPh>
    <phoneticPr fontId="10"/>
  </si>
  <si>
    <t xml:space="preserve">年間の入院患者の状況は、平成28年７月１日～平成29年６月30日の１年間に入院を受け入れた患者の入院前の場所、退院した患者の退院先の場所を示す項目です。
</t>
    <rPh sb="0" eb="1">
      <t>ネン</t>
    </rPh>
    <phoneticPr fontId="10"/>
  </si>
  <si>
    <t>退棟患者数（年間）</t>
    <rPh sb="0" eb="2">
      <t>タイトウ</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退院患者数（１ヶ月間）</t>
    <rPh sb="0" eb="2">
      <t>タイイン</t>
    </rPh>
    <rPh sb="2" eb="4">
      <t>カンジャ</t>
    </rPh>
    <rPh sb="4" eb="5">
      <t>スウ</t>
    </rPh>
    <phoneticPr fontId="10"/>
  </si>
  <si>
    <t xml:space="preserve">退院後に在宅医療を必要とする患者の状況は、平成29年6月の１か月間に退院した患者に対する、在宅医療の提供の必要性に関する項目です。
</t>
    <phoneticPr fontId="10"/>
  </si>
  <si>
    <t>退院後１か月以内に自院が在宅医療を提供する予定の患者数</t>
    <phoneticPr fontId="10"/>
  </si>
  <si>
    <t>退院後１か月以内に他施設が在宅医療を提供する予定の患者</t>
    <phoneticPr fontId="10"/>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0"/>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0"/>
  </si>
  <si>
    <t>退院患者数（年間）</t>
    <rPh sb="0" eb="2">
      <t>タイイン</t>
    </rPh>
    <rPh sb="2" eb="4">
      <t>カンジャ</t>
    </rPh>
    <rPh sb="4" eb="5">
      <t>スウ</t>
    </rPh>
    <rPh sb="6" eb="7">
      <t>ネン</t>
    </rPh>
    <phoneticPr fontId="10"/>
  </si>
  <si>
    <t xml:space="preserve">退院後に在宅医療を必要とする患者の状況は、平成28年７月１日～平成29年６月30日の１年間に退院した患者に対する、在宅医療の提供の必要性に関する項目です。
</t>
    <phoneticPr fontId="10"/>
  </si>
  <si>
    <t>看取りを行った患者数</t>
    <rPh sb="0" eb="2">
      <t>ミト</t>
    </rPh>
    <rPh sb="4" eb="5">
      <t>オコナ</t>
    </rPh>
    <rPh sb="7" eb="9">
      <t>カンジャ</t>
    </rPh>
    <rPh sb="9" eb="10">
      <t>スウ</t>
    </rPh>
    <phoneticPr fontId="10"/>
  </si>
  <si>
    <t>※在宅療養支援病院の届出を行っている病院のみが報告する事項です。</t>
    <rPh sb="13" eb="14">
      <t>オコナ</t>
    </rPh>
    <rPh sb="18" eb="20">
      <t>ビョウイン</t>
    </rPh>
    <rPh sb="23" eb="25">
      <t>ホウコク</t>
    </rPh>
    <rPh sb="27" eb="29">
      <t>ジコウ</t>
    </rPh>
    <phoneticPr fontId="10"/>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0"/>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直近１年間で在宅療養を担当した患者のうち、医療機関での看取り数（年間）</t>
    <rPh sb="21" eb="23">
      <t>イリョウ</t>
    </rPh>
    <rPh sb="23" eb="25">
      <t>キカン</t>
    </rPh>
    <rPh sb="30" eb="31">
      <t>スウ</t>
    </rPh>
    <rPh sb="32" eb="34">
      <t>ネンカン</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手術の状況</t>
    <phoneticPr fontId="10"/>
  </si>
  <si>
    <t>・全身管理の状況</t>
    <phoneticPr fontId="10"/>
  </si>
  <si>
    <t>・がん、脳卒中、心筋梗塞、分娩、精神医療への対応状況</t>
    <phoneticPr fontId="10"/>
  </si>
  <si>
    <t>・リハビリテーションの実施状況</t>
    <phoneticPr fontId="10"/>
  </si>
  <si>
    <t>・重症患者への対応状況</t>
    <phoneticPr fontId="10"/>
  </si>
  <si>
    <t>・長期療養患者の受入状況</t>
    <phoneticPr fontId="10"/>
  </si>
  <si>
    <t>・救急医療の実施状況</t>
    <phoneticPr fontId="10"/>
  </si>
  <si>
    <t>・重度の障害児等の受入状況</t>
    <phoneticPr fontId="10"/>
  </si>
  <si>
    <t>・急性期後の支援、在宅復帰の支援の状況</t>
    <phoneticPr fontId="10"/>
  </si>
  <si>
    <t>・医科歯科の連携状況</t>
    <phoneticPr fontId="10"/>
  </si>
  <si>
    <t>◆医療内容に関する情報（手術、リハビリテーションの実施状況など）</t>
    <phoneticPr fontId="3"/>
  </si>
  <si>
    <t>手術の状況</t>
    <rPh sb="0" eb="2">
      <t>シュジュツ</t>
    </rPh>
    <rPh sb="3" eb="5">
      <t>ジョウキョウ</t>
    </rPh>
    <phoneticPr fontId="10"/>
  </si>
  <si>
    <t>手術総数</t>
    <rPh sb="0" eb="2">
      <t>シュジュツ</t>
    </rPh>
    <rPh sb="2" eb="4">
      <t>ソウスウ</t>
    </rPh>
    <phoneticPr fontId="10"/>
  </si>
  <si>
    <t xml:space="preserve">手術の状況は、手術を受けた患者数と、手術の対象となった臓器別の患者数です。
</t>
    <phoneticPr fontId="10"/>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phoneticPr fontId="10"/>
  </si>
  <si>
    <t xml:space="preserve">全身麻酔の手術の状況は、全身麻酔を用いて手術を受けた患者数と、手術の対象となった臓器別の患者数です。
</t>
    <phoneticPr fontId="10"/>
  </si>
  <si>
    <t>臓器別の状況</t>
    <rPh sb="0" eb="2">
      <t>ゾウキ</t>
    </rPh>
    <rPh sb="2" eb="3">
      <t>ベツ</t>
    </rPh>
    <rPh sb="4" eb="6">
      <t>ジョウキョウ</t>
    </rPh>
    <phoneticPr fontId="3"/>
  </si>
  <si>
    <t>人工心肺を用いた手術</t>
    <rPh sb="0" eb="2">
      <t>ジンコウ</t>
    </rPh>
    <rPh sb="2" eb="4">
      <t>シンパイ</t>
    </rPh>
    <rPh sb="5" eb="6">
      <t>ヨウ</t>
    </rPh>
    <rPh sb="8" eb="10">
      <t>シュジュツ</t>
    </rPh>
    <phoneticPr fontId="10"/>
  </si>
  <si>
    <t xml:space="preserve">人工心肺を用いた手術とは、心臓手術などの際に心臓と肺の機能を代行する装置を用いて行う手術です。値はこの手術を行った患者数です。
</t>
    <phoneticPr fontId="10"/>
  </si>
  <si>
    <t>胸腔鏡下手術</t>
    <rPh sb="0" eb="3">
      <t>キョウクウキョウ</t>
    </rPh>
    <rPh sb="3" eb="4">
      <t>シタ</t>
    </rPh>
    <rPh sb="4" eb="6">
      <t>シュジュツ</t>
    </rPh>
    <phoneticPr fontId="10"/>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0"/>
  </si>
  <si>
    <t>腹腔鏡下手術</t>
    <rPh sb="0" eb="4">
      <t>フククウキョウカ</t>
    </rPh>
    <rPh sb="4" eb="6">
      <t>シュジュツ</t>
    </rPh>
    <phoneticPr fontId="10"/>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0"/>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0"/>
  </si>
  <si>
    <t>（がん）</t>
    <phoneticPr fontId="10"/>
  </si>
  <si>
    <t>悪性腫瘍手術</t>
    <rPh sb="0" eb="2">
      <t>アクセイ</t>
    </rPh>
    <rPh sb="2" eb="4">
      <t>シュヨウ</t>
    </rPh>
    <rPh sb="4" eb="6">
      <t>シュジュツ</t>
    </rPh>
    <phoneticPr fontId="10"/>
  </si>
  <si>
    <t xml:space="preserve">悪性腫瘍手術とは、がんを取るための手術です。値は手術を行った患者数です。
</t>
    <phoneticPr fontId="10"/>
  </si>
  <si>
    <t>病理組織標本作製</t>
    <rPh sb="0" eb="2">
      <t>ビョウリ</t>
    </rPh>
    <rPh sb="2" eb="4">
      <t>ソシキ</t>
    </rPh>
    <rPh sb="4" eb="6">
      <t>ヒョウホン</t>
    </rPh>
    <rPh sb="6" eb="8">
      <t>サクセイ</t>
    </rPh>
    <phoneticPr fontId="10"/>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0"/>
  </si>
  <si>
    <t>術中迅速病理組織標本作製</t>
    <rPh sb="0" eb="1">
      <t>ジュツ</t>
    </rPh>
    <rPh sb="1" eb="2">
      <t>チュウ</t>
    </rPh>
    <rPh sb="2" eb="4">
      <t>ジンソク</t>
    </rPh>
    <rPh sb="4" eb="6">
      <t>ビョウリ</t>
    </rPh>
    <rPh sb="6" eb="8">
      <t>ソシキ</t>
    </rPh>
    <rPh sb="8" eb="10">
      <t>ヒョウホン</t>
    </rPh>
    <rPh sb="10" eb="12">
      <t>サクセイ</t>
    </rPh>
    <phoneticPr fontId="10"/>
  </si>
  <si>
    <t xml:space="preserve">術中迅速診断とは、病気の良性・悪性の判断や切除範囲を決めるため、手術中に病理診断をすることをいいます。そのための病理組織標本作製を、手術中に行った患者数です。
</t>
    <phoneticPr fontId="10"/>
  </si>
  <si>
    <t>放射線治療</t>
    <rPh sb="0" eb="3">
      <t>ホウシャセン</t>
    </rPh>
    <rPh sb="3" eb="5">
      <t>チリョウ</t>
    </rPh>
    <phoneticPr fontId="10"/>
  </si>
  <si>
    <t xml:space="preserve">放射線治療とは、がんに放射線を当てる（照射する）ことで、がんを縮小させる治療を放射線治療といいます。値は放射線治療を行った患者数です。
</t>
    <phoneticPr fontId="10"/>
  </si>
  <si>
    <t>化学療法</t>
    <rPh sb="0" eb="2">
      <t>カガク</t>
    </rPh>
    <rPh sb="2" eb="4">
      <t>リョウホウ</t>
    </rPh>
    <phoneticPr fontId="10"/>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0"/>
  </si>
  <si>
    <t>がん患者指導管理料１及び２</t>
    <rPh sb="2" eb="4">
      <t>カンジャ</t>
    </rPh>
    <rPh sb="4" eb="6">
      <t>シドウ</t>
    </rPh>
    <rPh sb="6" eb="9">
      <t>カンリリョウ</t>
    </rPh>
    <rPh sb="10" eb="11">
      <t>オヨ</t>
    </rPh>
    <phoneticPr fontId="10"/>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0"/>
  </si>
  <si>
    <t>抗悪性腫瘍剤局所持続注入</t>
    <rPh sb="0" eb="1">
      <t>コウ</t>
    </rPh>
    <rPh sb="1" eb="3">
      <t>アクセイ</t>
    </rPh>
    <rPh sb="3" eb="5">
      <t>シュヨウ</t>
    </rPh>
    <rPh sb="5" eb="6">
      <t>ザイ</t>
    </rPh>
    <rPh sb="6" eb="8">
      <t>キョクショ</t>
    </rPh>
    <rPh sb="8" eb="10">
      <t>ジゾク</t>
    </rPh>
    <rPh sb="10" eb="12">
      <t>チュウニュウ</t>
    </rPh>
    <phoneticPr fontId="10"/>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0"/>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0"/>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0"/>
  </si>
  <si>
    <t>（脳卒中）</t>
    <phoneticPr fontId="10"/>
  </si>
  <si>
    <t>超急性期脳卒中加算</t>
    <rPh sb="0" eb="1">
      <t>チョウ</t>
    </rPh>
    <rPh sb="1" eb="4">
      <t>キュウセイキ</t>
    </rPh>
    <rPh sb="4" eb="7">
      <t>ノウソッチュウ</t>
    </rPh>
    <rPh sb="7" eb="9">
      <t>カサン</t>
    </rPh>
    <phoneticPr fontId="10"/>
  </si>
  <si>
    <t xml:space="preserve">超急性期脳卒中加算は、脳梗塞の患者に対し、発症後速やかに薬剤を投与して血栓を溶かす治療を行ったことを示す項目です。値はこの治療を行った患者数です。
</t>
    <phoneticPr fontId="10"/>
  </si>
  <si>
    <t>脳血管内手術</t>
    <rPh sb="0" eb="1">
      <t>ノウ</t>
    </rPh>
    <rPh sb="1" eb="4">
      <t>ケッカンナイ</t>
    </rPh>
    <rPh sb="4" eb="6">
      <t>シュジュツ</t>
    </rPh>
    <phoneticPr fontId="10"/>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0"/>
  </si>
  <si>
    <t>（心筋梗塞）</t>
    <phoneticPr fontId="10"/>
  </si>
  <si>
    <t>経皮的冠動脈形成術</t>
    <rPh sb="0" eb="3">
      <t>ケイヒテキ</t>
    </rPh>
    <rPh sb="3" eb="6">
      <t>カンドウミャク</t>
    </rPh>
    <rPh sb="6" eb="8">
      <t>ケイセイ</t>
    </rPh>
    <rPh sb="8" eb="9">
      <t>ジュツ</t>
    </rPh>
    <phoneticPr fontId="10"/>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0"/>
  </si>
  <si>
    <t>（分娩）</t>
    <phoneticPr fontId="10"/>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精神医療）</t>
    <phoneticPr fontId="10"/>
  </si>
  <si>
    <t>入院精神療法（Ⅰ）</t>
    <rPh sb="0" eb="2">
      <t>ニュウイン</t>
    </rPh>
    <rPh sb="2" eb="4">
      <t>セイシン</t>
    </rPh>
    <rPh sb="4" eb="6">
      <t>リョウホウ</t>
    </rPh>
    <phoneticPr fontId="10"/>
  </si>
  <si>
    <t xml:space="preserve">入院精神療法は、精神疾患の患者に対し、治療計画に基づいて患者の精神面に対して施す治療です。値はこの治療を行った患者数です。
</t>
    <phoneticPr fontId="10"/>
  </si>
  <si>
    <t>精神科リエゾンチーム加算</t>
    <rPh sb="0" eb="3">
      <t>セイシンカ</t>
    </rPh>
    <rPh sb="10" eb="12">
      <t>カサン</t>
    </rPh>
    <phoneticPr fontId="10"/>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0"/>
  </si>
  <si>
    <t>認知症ケア加算１</t>
    <rPh sb="0" eb="2">
      <t>ニンチ</t>
    </rPh>
    <rPh sb="2" eb="3">
      <t>ショウ</t>
    </rPh>
    <rPh sb="5" eb="7">
      <t>カサン</t>
    </rPh>
    <phoneticPr fontId="10"/>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0"/>
  </si>
  <si>
    <t>認知症ケア加算２</t>
    <phoneticPr fontId="10"/>
  </si>
  <si>
    <t>精神疾患診療体制加算１及び２</t>
    <rPh sb="0" eb="2">
      <t>セイシン</t>
    </rPh>
    <rPh sb="2" eb="4">
      <t>シッカン</t>
    </rPh>
    <rPh sb="4" eb="6">
      <t>シンリョウ</t>
    </rPh>
    <rPh sb="6" eb="8">
      <t>タイセイ</t>
    </rPh>
    <rPh sb="8" eb="10">
      <t>カサン</t>
    </rPh>
    <rPh sb="11" eb="12">
      <t>オヨ</t>
    </rPh>
    <phoneticPr fontId="10"/>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0"/>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10"/>
  </si>
  <si>
    <t xml:space="preserve">精神疾患診断治療初回加算は、自殺企図等による重篤な患者に対し、精神疾患にかかわる診断治療等を行っていることを示す項目です。値はこうした診療を行った患者数です。
</t>
    <phoneticPr fontId="10"/>
  </si>
  <si>
    <t>重症患者への対応状況</t>
    <rPh sb="0" eb="2">
      <t>ジュウショウ</t>
    </rPh>
    <rPh sb="2" eb="4">
      <t>カンジャ</t>
    </rPh>
    <rPh sb="6" eb="8">
      <t>タイオウ</t>
    </rPh>
    <rPh sb="8" eb="10">
      <t>ジョウキョウ</t>
    </rPh>
    <phoneticPr fontId="10"/>
  </si>
  <si>
    <t>ハイリスク分娩管理加算</t>
    <rPh sb="5" eb="7">
      <t>ブンベン</t>
    </rPh>
    <rPh sb="7" eb="9">
      <t>カンリ</t>
    </rPh>
    <rPh sb="9" eb="11">
      <t>カサン</t>
    </rPh>
    <phoneticPr fontId="10"/>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0"/>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0"/>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0"/>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0"/>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0"/>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0"/>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0"/>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0"/>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0"/>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0"/>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0"/>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0"/>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７対１入院基本料」、「10対１入院基本料」、「看護必要度加算」、「一般病棟看護必要度評価加算」、
「急性期看護補助体制加算」、「看護職員夜間配置加算」、「看護補助加算１」の届出を行っている場合における、一般病棟用の重症度、医療・看護必要度の基準を満たす患者の割合</t>
    <rPh sb="102" eb="104">
      <t>イッパン</t>
    </rPh>
    <rPh sb="104" eb="106">
      <t>ビョウトウ</t>
    </rPh>
    <rPh sb="106" eb="107">
      <t>ヨウ</t>
    </rPh>
    <rPh sb="108" eb="110">
      <t>ジュウショウ</t>
    </rPh>
    <rPh sb="110" eb="111">
      <t>ド</t>
    </rPh>
    <rPh sb="112" eb="114">
      <t>イリョウ</t>
    </rPh>
    <rPh sb="115" eb="117">
      <t>カンゴ</t>
    </rPh>
    <rPh sb="117" eb="120">
      <t>ヒツヨウド</t>
    </rPh>
    <rPh sb="121" eb="123">
      <t>キジュン</t>
    </rPh>
    <rPh sb="124" eb="125">
      <t>ミ</t>
    </rPh>
    <rPh sb="127" eb="129">
      <t>カンジャ</t>
    </rPh>
    <rPh sb="130" eb="132">
      <t>ワリアイ</t>
    </rPh>
    <phoneticPr fontId="10"/>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10"/>
  </si>
  <si>
    <t>A得点１点以上の患者割合</t>
    <rPh sb="1" eb="3">
      <t>トクテン</t>
    </rPh>
    <rPh sb="4" eb="7">
      <t>テンイジョウ</t>
    </rPh>
    <rPh sb="8" eb="10">
      <t>カンジャ</t>
    </rPh>
    <rPh sb="10" eb="12">
      <t>ワリアイ</t>
    </rPh>
    <phoneticPr fontId="10"/>
  </si>
  <si>
    <t>A得点２点以上の患者割合</t>
    <rPh sb="1" eb="3">
      <t>トクテン</t>
    </rPh>
    <rPh sb="4" eb="7">
      <t>テンイジョウ</t>
    </rPh>
    <rPh sb="8" eb="10">
      <t>カンジャ</t>
    </rPh>
    <rPh sb="10" eb="12">
      <t>ワリアイ</t>
    </rPh>
    <phoneticPr fontId="10"/>
  </si>
  <si>
    <t>重症度、医療・看護必要度の評価において、A得点２点以上かつB得点３点以上の患者割合</t>
    <rPh sb="0" eb="2">
      <t>ジュウショウ</t>
    </rPh>
    <rPh sb="2" eb="3">
      <t>ド</t>
    </rPh>
    <rPh sb="4" eb="6">
      <t>イリョウ</t>
    </rPh>
    <rPh sb="7" eb="9">
      <t>カンゴ</t>
    </rPh>
    <rPh sb="9" eb="12">
      <t>ヒツヨウド</t>
    </rPh>
    <rPh sb="13" eb="15">
      <t>ヒョウカ</t>
    </rPh>
    <rPh sb="21" eb="23">
      <t>トクテン</t>
    </rPh>
    <rPh sb="24" eb="27">
      <t>テンイジョウ</t>
    </rPh>
    <rPh sb="30" eb="32">
      <t>トクテン</t>
    </rPh>
    <rPh sb="33" eb="36">
      <t>テンイジョウ</t>
    </rPh>
    <rPh sb="37" eb="39">
      <t>カンジャ</t>
    </rPh>
    <rPh sb="39" eb="41">
      <t>ワリアイ</t>
    </rPh>
    <phoneticPr fontId="10"/>
  </si>
  <si>
    <t>A得点３点以上の患者割合</t>
    <rPh sb="1" eb="3">
      <t>トクテン</t>
    </rPh>
    <rPh sb="4" eb="7">
      <t>テンイジョウ</t>
    </rPh>
    <rPh sb="8" eb="10">
      <t>カンジャ</t>
    </rPh>
    <rPh sb="10" eb="12">
      <t>ワリアイ</t>
    </rPh>
    <phoneticPr fontId="10"/>
  </si>
  <si>
    <t>C得点１点以上の患者割合</t>
    <phoneticPr fontId="10"/>
  </si>
  <si>
    <t>重症度、医療・看護必要度の評価において、A得点２点以上かつB得点３点以上、A得点３点以上またはC得点１点以上の患者割合</t>
    <phoneticPr fontId="10"/>
  </si>
  <si>
    <t>「地域包括ケア病棟入院料」、「地域包括ケア入院医療管理料」の届出を行っている場合における、
一般病棟用の重症度、医療・看護必要度の基準を満たす患者の割合</t>
    <rPh sb="46" eb="48">
      <t>イッパン</t>
    </rPh>
    <rPh sb="48" eb="50">
      <t>ビョウトウ</t>
    </rPh>
    <rPh sb="50" eb="51">
      <t>ヨウ</t>
    </rPh>
    <rPh sb="52" eb="54">
      <t>ジュウショウ</t>
    </rPh>
    <rPh sb="54" eb="55">
      <t>ド</t>
    </rPh>
    <rPh sb="56" eb="58">
      <t>イリョウ</t>
    </rPh>
    <rPh sb="59" eb="61">
      <t>カンゴ</t>
    </rPh>
    <rPh sb="61" eb="64">
      <t>ヒツヨウド</t>
    </rPh>
    <rPh sb="65" eb="67">
      <t>キジュン</t>
    </rPh>
    <rPh sb="68" eb="69">
      <t>ミ</t>
    </rPh>
    <rPh sb="71" eb="73">
      <t>カンジャ</t>
    </rPh>
    <rPh sb="74" eb="76">
      <t>ワリアイ</t>
    </rPh>
    <phoneticPr fontId="10"/>
  </si>
  <si>
    <t>「回復期リハビリテーション病棟入院料１」の届出を行っている場合における、
一般病棟用の重症度、医療・看護必要度の基準を満たす患者の割合</t>
    <rPh sb="37" eb="39">
      <t>イッパン</t>
    </rPh>
    <rPh sb="39" eb="41">
      <t>ビョウトウ</t>
    </rPh>
    <rPh sb="41" eb="42">
      <t>ヨウ</t>
    </rPh>
    <rPh sb="43" eb="45">
      <t>ジュウショウ</t>
    </rPh>
    <rPh sb="45" eb="46">
      <t>ド</t>
    </rPh>
    <rPh sb="47" eb="49">
      <t>イリョウ</t>
    </rPh>
    <rPh sb="50" eb="52">
      <t>カンゴ</t>
    </rPh>
    <rPh sb="52" eb="55">
      <t>ヒツヨウド</t>
    </rPh>
    <rPh sb="56" eb="58">
      <t>キジュン</t>
    </rPh>
    <rPh sb="59" eb="60">
      <t>ミ</t>
    </rPh>
    <rPh sb="62" eb="64">
      <t>カンジャ</t>
    </rPh>
    <rPh sb="65" eb="67">
      <t>ワリアイ</t>
    </rPh>
    <phoneticPr fontId="10"/>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10"/>
  </si>
  <si>
    <t>救急医療の実施状況</t>
    <rPh sb="0" eb="2">
      <t>キュウキュウ</t>
    </rPh>
    <rPh sb="2" eb="4">
      <t>イリョウ</t>
    </rPh>
    <rPh sb="5" eb="7">
      <t>ジッシ</t>
    </rPh>
    <rPh sb="7" eb="9">
      <t>ジョウキョウ</t>
    </rPh>
    <phoneticPr fontId="10"/>
  </si>
  <si>
    <t>院内トリアージ実施料</t>
    <rPh sb="0" eb="2">
      <t>インナイ</t>
    </rPh>
    <rPh sb="7" eb="10">
      <t>ジッシリョウ</t>
    </rPh>
    <phoneticPr fontId="10"/>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0"/>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夜間・時間外に受診した患者延べ数</t>
    <rPh sb="0" eb="2">
      <t>ヤカン</t>
    </rPh>
    <rPh sb="3" eb="6">
      <t>ジカンガイ</t>
    </rPh>
    <rPh sb="7" eb="9">
      <t>ジュシン</t>
    </rPh>
    <rPh sb="11" eb="13">
      <t>カンジャ</t>
    </rPh>
    <rPh sb="13" eb="14">
      <t>ノ</t>
    </rPh>
    <rPh sb="15" eb="16">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0"/>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0"/>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0"/>
  </si>
  <si>
    <t>退院支援加算１</t>
    <rPh sb="0" eb="2">
      <t>タイイン</t>
    </rPh>
    <rPh sb="2" eb="4">
      <t>シエン</t>
    </rPh>
    <rPh sb="4" eb="6">
      <t>カサン</t>
    </rPh>
    <phoneticPr fontId="10"/>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0"/>
  </si>
  <si>
    <t>退院支援加算２</t>
    <rPh sb="0" eb="2">
      <t>タイイン</t>
    </rPh>
    <rPh sb="2" eb="4">
      <t>シエン</t>
    </rPh>
    <rPh sb="4" eb="6">
      <t>カサン</t>
    </rPh>
    <phoneticPr fontId="10"/>
  </si>
  <si>
    <t>救急・在宅等支援（療養）病床初期加算及び有床診療所一般病床初期加算</t>
    <phoneticPr fontId="10"/>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29"/>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10"/>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0"/>
  </si>
  <si>
    <t>退院時共同指導料２</t>
    <phoneticPr fontId="10"/>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0"/>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0"/>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0"/>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0"/>
  </si>
  <si>
    <t>中心静脈注射</t>
    <phoneticPr fontId="10"/>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0"/>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0"/>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 場合）</t>
    <phoneticPr fontId="10"/>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0"/>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0"/>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0"/>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0"/>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0"/>
  </si>
  <si>
    <t>疾患別リハビリテーション料</t>
    <phoneticPr fontId="10"/>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0"/>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0"/>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0"/>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0"/>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0"/>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0"/>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0"/>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0"/>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0"/>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0"/>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0"/>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0"/>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0"/>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0"/>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体制強化加算１又は２（回復期リハビリテーション病棟入院料）の届出の有無</t>
    <rPh sb="0" eb="2">
      <t>タイセイ</t>
    </rPh>
    <rPh sb="2" eb="4">
      <t>キョウカ</t>
    </rPh>
    <rPh sb="4" eb="6">
      <t>カサン</t>
    </rPh>
    <rPh sb="7" eb="8">
      <t>マタ</t>
    </rPh>
    <rPh sb="11" eb="13">
      <t>カイフク</t>
    </rPh>
    <rPh sb="13" eb="14">
      <t>キ</t>
    </rPh>
    <rPh sb="23" eb="25">
      <t>ビョウトウ</t>
    </rPh>
    <rPh sb="25" eb="27">
      <t>ニュウイン</t>
    </rPh>
    <rPh sb="27" eb="28">
      <t>リョウ</t>
    </rPh>
    <rPh sb="30" eb="32">
      <t>トドケデ</t>
    </rPh>
    <rPh sb="33" eb="35">
      <t>ウム</t>
    </rPh>
    <phoneticPr fontId="10"/>
  </si>
  <si>
    <t xml:space="preserve">体制強化加算は、患者の早期の機能回復や退院を促進するために、専門の医師や社会福祉士を配置していることを示す項目です。値はこうした病棟に入院している患者数です。
</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0"/>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0"/>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回復期リハビリテーション病棟を退棟した回復期リハビリテーションを要する状態の患者数【平成29年１月１日～６月30日の６か月間】</t>
    <rPh sb="0" eb="2">
      <t>カイフク</t>
    </rPh>
    <rPh sb="2" eb="3">
      <t>キ</t>
    </rPh>
    <rPh sb="12" eb="14">
      <t>ビョウトウ</t>
    </rPh>
    <rPh sb="15" eb="16">
      <t>タイ</t>
    </rPh>
    <rPh sb="16" eb="17">
      <t>トウ</t>
    </rPh>
    <rPh sb="19" eb="21">
      <t>カイフク</t>
    </rPh>
    <rPh sb="21" eb="22">
      <t>キ</t>
    </rPh>
    <rPh sb="32" eb="33">
      <t>ヨウ</t>
    </rPh>
    <rPh sb="35" eb="37">
      <t>ジョウタイ</t>
    </rPh>
    <rPh sb="38" eb="41">
      <t>カンジャスウ</t>
    </rPh>
    <rPh sb="42" eb="44">
      <t>ヘイセイ</t>
    </rPh>
    <rPh sb="46" eb="47">
      <t>ネン</t>
    </rPh>
    <rPh sb="48" eb="49">
      <t>ガツ</t>
    </rPh>
    <rPh sb="50" eb="51">
      <t>ニチ</t>
    </rPh>
    <rPh sb="53" eb="54">
      <t>ガツ</t>
    </rPh>
    <rPh sb="56" eb="57">
      <t>ニチ</t>
    </rPh>
    <rPh sb="60" eb="61">
      <t>ゲツ</t>
    </rPh>
    <rPh sb="61" eb="62">
      <t>カン</t>
    </rPh>
    <phoneticPr fontId="10"/>
  </si>
  <si>
    <t xml:space="preserve">回復期リハビリテーション病棟を退棟した回復期リハビリテーションを要する状態の患者数、実績指数等は、平成29年1月から6月までの６か月間に退棟した回復期リハビリテーションを要する状態の患者数と、回復期リハビリテーションの実績指数です。
</t>
    <phoneticPr fontId="10"/>
  </si>
  <si>
    <t>うち実績指数の計算対象とした患者数【平成29年１月１日～６月30日の６か月間】</t>
    <rPh sb="2" eb="4">
      <t>ジッセキ</t>
    </rPh>
    <rPh sb="4" eb="6">
      <t>シスウ</t>
    </rPh>
    <rPh sb="7" eb="9">
      <t>ケイサン</t>
    </rPh>
    <rPh sb="9" eb="11">
      <t>タイショウ</t>
    </rPh>
    <rPh sb="14" eb="17">
      <t>カンジャスウ</t>
    </rPh>
    <phoneticPr fontId="10"/>
  </si>
  <si>
    <t>実績指数【平成29年１月１日～６月30日の６か月間】</t>
    <rPh sb="0" eb="2">
      <t>ジッセキ</t>
    </rPh>
    <rPh sb="2" eb="4">
      <t>シスウ</t>
    </rPh>
    <phoneticPr fontId="10"/>
  </si>
  <si>
    <t xml:space="preserve">実績指数とは、回復期リハビリテーション病棟におけるリハビリテーションの提供実績を評価する指標で、提供実績を有するほど、数値が高くなります。
</t>
    <phoneticPr fontId="10"/>
  </si>
  <si>
    <t>長期療養患者の受入状況</t>
    <phoneticPr fontId="10"/>
  </si>
  <si>
    <t>療養病棟入院基本料１．２（A～I）</t>
    <rPh sb="0" eb="2">
      <t>リョウヨウ</t>
    </rPh>
    <rPh sb="2" eb="4">
      <t>ビョウトウ</t>
    </rPh>
    <rPh sb="4" eb="6">
      <t>ニュウイン</t>
    </rPh>
    <rPh sb="6" eb="9">
      <t>キホンリョウ</t>
    </rPh>
    <phoneticPr fontId="10"/>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褥瘡評価実施加算（療養病棟入院基本料、有床診療所療養病床入院基本料）</t>
    <phoneticPr fontId="10"/>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0"/>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0"/>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0"/>
  </si>
  <si>
    <t>難病等特別入院診療加算</t>
    <phoneticPr fontId="10"/>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0"/>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0"/>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0"/>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0"/>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rPh sb="0" eb="2">
      <t>イカ</t>
    </rPh>
    <rPh sb="2" eb="4">
      <t>シカ</t>
    </rPh>
    <rPh sb="5" eb="7">
      <t>レンケイ</t>
    </rPh>
    <rPh sb="7" eb="9">
      <t>ジョウキョウ</t>
    </rPh>
    <phoneticPr fontId="10"/>
  </si>
  <si>
    <t>歯科医師連携加算（栄養サポートチーム加算）</t>
    <rPh sb="0" eb="2">
      <t>シカ</t>
    </rPh>
    <rPh sb="2" eb="4">
      <t>イシ</t>
    </rPh>
    <rPh sb="4" eb="6">
      <t>レンケイ</t>
    </rPh>
    <rPh sb="6" eb="8">
      <t>カサン</t>
    </rPh>
    <rPh sb="9" eb="11">
      <t>エイヨウ</t>
    </rPh>
    <rPh sb="18" eb="20">
      <t>カサン</t>
    </rPh>
    <phoneticPr fontId="10"/>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0"/>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0"/>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0"/>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病棟名</t>
  </si>
  <si>
    <t>独立行政法人国立病院機構　八雲病院</t>
    <phoneticPr fontId="3"/>
  </si>
  <si>
    <t>〒049-3116　北海道二海郡八雲町宮園町128番地</t>
    <phoneticPr fontId="3"/>
  </si>
  <si>
    <t>第１病棟</t>
  </si>
  <si>
    <t>慢性期</t>
  </si>
  <si>
    <t>第２病棟</t>
  </si>
  <si>
    <t>第３病棟</t>
  </si>
  <si>
    <t>第５病棟</t>
  </si>
  <si>
    <t>第６病棟</t>
  </si>
  <si>
    <t>第７病棟</t>
  </si>
  <si>
    <t>独立行政法人国立病院機構</t>
  </si>
  <si>
    <t>-</t>
  </si>
  <si>
    <t>小児科</t>
  </si>
  <si>
    <t>障害者施設等10対１入院基本料</t>
  </si>
  <si>
    <t>療養病棟入院基本料１</t>
  </si>
  <si>
    <t>DPCではない</t>
  </si>
  <si>
    <t>無</t>
  </si>
  <si>
    <t>届出無し</t>
  </si>
  <si>
    <t>*</t>
  </si>
  <si>
    <t>*</t>
    <phoneticPr fontId="10"/>
  </si>
  <si>
    <t/>
  </si>
  <si>
    <t>※</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3" eb="4">
      <t>イン</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62" eb="64">
      <t>バアイ</t>
    </rPh>
    <rPh sb="66" eb="67">
      <t>テン</t>
    </rPh>
    <rPh sb="67" eb="69">
      <t>イジョウ</t>
    </rPh>
    <phoneticPr fontId="10"/>
  </si>
  <si>
    <t>診療時間やアクセス方法等の情報はこちら</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rPh sb="4" eb="6">
      <t>コンゴ</t>
    </rPh>
    <rPh sb="6" eb="8">
      <t>サイカイ</t>
    </rPh>
    <rPh sb="10" eb="12">
      <t>ヨテイ</t>
    </rPh>
    <phoneticPr fontId="10"/>
  </si>
  <si>
    <t>休棟中(今後廃止する予定)</t>
    <rPh sb="6" eb="8">
      <t>ハイシ</t>
    </rPh>
    <phoneticPr fontId="10"/>
  </si>
  <si>
    <t>無回答等</t>
    <phoneticPr fontId="10"/>
  </si>
  <si>
    <t>廃止予定</t>
    <rPh sb="0" eb="2">
      <t>ハイシ</t>
    </rPh>
    <phoneticPr fontId="10"/>
  </si>
  <si>
    <t>休棟予定</t>
    <phoneticPr fontId="10"/>
  </si>
  <si>
    <t>急性期一般入院料１</t>
    <phoneticPr fontId="10"/>
  </si>
  <si>
    <t>急性期一般入院料２</t>
    <phoneticPr fontId="10"/>
  </si>
  <si>
    <t>急性期一般入院料３</t>
  </si>
  <si>
    <t>急性期一般入院料４</t>
  </si>
  <si>
    <t>急性期一般入院料５</t>
  </si>
  <si>
    <t>急性期一般入院料６</t>
  </si>
  <si>
    <t>急性期一般入院料７</t>
  </si>
  <si>
    <t>地域一般入院料１</t>
    <phoneticPr fontId="3"/>
  </si>
  <si>
    <t>地域一般入院料２</t>
  </si>
  <si>
    <t>地域一般入院料３</t>
  </si>
  <si>
    <t>一般病棟特別入院基本料</t>
    <phoneticPr fontId="3"/>
  </si>
  <si>
    <t>療養病棟入院料１</t>
    <phoneticPr fontId="3"/>
  </si>
  <si>
    <t>療養病棟入院料２</t>
  </si>
  <si>
    <t>療養病棟特別入院基本料</t>
    <phoneticPr fontId="3"/>
  </si>
  <si>
    <t>特定機能病院一般病棟７対１入院基本料</t>
    <phoneticPr fontId="3"/>
  </si>
  <si>
    <t>特定機能病院一般病棟10対１入院基本料</t>
    <phoneticPr fontId="3"/>
  </si>
  <si>
    <t>専門病院７対１入院基本料</t>
    <phoneticPr fontId="3"/>
  </si>
  <si>
    <t>専門病院10対１入院基本料</t>
    <phoneticPr fontId="3"/>
  </si>
  <si>
    <t>専門病院13対１入院基本料</t>
    <phoneticPr fontId="3"/>
  </si>
  <si>
    <t>障害者施設等７対１入院基本料</t>
    <phoneticPr fontId="3"/>
  </si>
  <si>
    <t>障害者施設等10対１入院基本料</t>
    <phoneticPr fontId="3"/>
  </si>
  <si>
    <t>障害者施設等13対１入院基本料</t>
    <phoneticPr fontId="3"/>
  </si>
  <si>
    <t>障害者施設等15対１入院基本料</t>
    <phoneticPr fontId="3"/>
  </si>
  <si>
    <t>救命救急入院料１</t>
    <phoneticPr fontId="3"/>
  </si>
  <si>
    <t>特定集中治療室管理料１</t>
    <phoneticPr fontId="3"/>
  </si>
  <si>
    <t>ハイケアユニット入院医療管理料１</t>
    <phoneticPr fontId="3"/>
  </si>
  <si>
    <t>ハイケアユニット入院医療管理料２</t>
    <phoneticPr fontId="3"/>
  </si>
  <si>
    <t>特定集中治療室管理料４</t>
    <phoneticPr fontId="3"/>
  </si>
  <si>
    <t>小児特定集中治療室管理料</t>
    <phoneticPr fontId="3"/>
  </si>
  <si>
    <t>新生児特定集中治療室管理料１</t>
    <phoneticPr fontId="3"/>
  </si>
  <si>
    <t>総合周産期特定集中治療室管理料（母体・胎児）</t>
    <phoneticPr fontId="3"/>
  </si>
  <si>
    <t>総合周産期特定集中治療室管理料（新生児）</t>
    <phoneticPr fontId="3"/>
  </si>
  <si>
    <t>新生児治療回復室入院医療管理料</t>
    <phoneticPr fontId="3"/>
  </si>
  <si>
    <t>特殊疾患入院医療管理料</t>
    <phoneticPr fontId="3"/>
  </si>
  <si>
    <t>小児入院医療管理料１</t>
    <phoneticPr fontId="3"/>
  </si>
  <si>
    <t>回復期リハビリテーション病棟入院料１</t>
    <phoneticPr fontId="3"/>
  </si>
  <si>
    <t>回復期リハビリテーション病棟入院料４</t>
  </si>
  <si>
    <t>回復期リハビリテーション病棟入院料５</t>
  </si>
  <si>
    <t>回復期リハビリテーション病棟入院料６</t>
  </si>
  <si>
    <t>地域包括ケア病棟入院料１</t>
    <phoneticPr fontId="3"/>
  </si>
  <si>
    <t>地域包括ケア病棟入院料３</t>
  </si>
  <si>
    <t>緩和ケア病棟入院料１</t>
    <phoneticPr fontId="3"/>
  </si>
  <si>
    <t>特定一般病棟入院料１</t>
    <phoneticPr fontId="3"/>
  </si>
  <si>
    <t>特定一般病棟入院料２</t>
    <phoneticPr fontId="3"/>
  </si>
  <si>
    <t>緩和ケア病棟入院料２</t>
    <phoneticPr fontId="3"/>
  </si>
  <si>
    <t>地域包括ケア入院医療管理料４</t>
    <phoneticPr fontId="3"/>
  </si>
  <si>
    <t>地域包括ケア入院医療管理料３</t>
    <phoneticPr fontId="3"/>
  </si>
  <si>
    <t>地域包括ケア入院医療管理料２</t>
    <phoneticPr fontId="3"/>
  </si>
  <si>
    <t>地域包括ケア病棟入院料４</t>
    <phoneticPr fontId="3"/>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10"/>
  </si>
  <si>
    <t>様式１病院病棟票(1)</t>
    <rPh sb="0" eb="2">
      <t>ヨウシキ</t>
    </rPh>
    <rPh sb="3" eb="5">
      <t>ビョウイン</t>
    </rPh>
    <rPh sb="5" eb="7">
      <t>ビョウトウ</t>
    </rPh>
    <rPh sb="7" eb="8">
      <t>ヒョウ</t>
    </rPh>
    <phoneticPr fontId="3"/>
  </si>
  <si>
    <t>様式１病院病棟票(2)</t>
    <rPh sb="0" eb="2">
      <t>ヨウシキ</t>
    </rPh>
    <rPh sb="3" eb="5">
      <t>ビョウイン</t>
    </rPh>
    <rPh sb="5" eb="7">
      <t>ビョウトウ</t>
    </rPh>
    <rPh sb="7" eb="8">
      <t>ヒョウ</t>
    </rPh>
    <phoneticPr fontId="3"/>
  </si>
  <si>
    <t>様式１病院病棟票(3)</t>
    <rPh sb="0" eb="2">
      <t>ヨウシキ</t>
    </rPh>
    <rPh sb="3" eb="5">
      <t>ビョウイン</t>
    </rPh>
    <rPh sb="5" eb="7">
      <t>ビョウトウ</t>
    </rPh>
    <rPh sb="7" eb="8">
      <t>ヒョウ</t>
    </rPh>
    <phoneticPr fontId="3"/>
  </si>
  <si>
    <t>様式１病院施設票(1)</t>
    <rPh sb="0" eb="2">
      <t>ヨウシキ</t>
    </rPh>
    <rPh sb="3" eb="5">
      <t>ビョウイン</t>
    </rPh>
    <rPh sb="5" eb="7">
      <t>シセツ</t>
    </rPh>
    <rPh sb="7" eb="8">
      <t>ヒョウ</t>
    </rPh>
    <phoneticPr fontId="3"/>
  </si>
  <si>
    <t>様式１病院病棟票(5)</t>
    <rPh sb="0" eb="2">
      <t>ヨウシキ</t>
    </rPh>
    <rPh sb="3" eb="5">
      <t>ビョウイン</t>
    </rPh>
    <rPh sb="5" eb="7">
      <t>ビョウトウ</t>
    </rPh>
    <rPh sb="7" eb="8">
      <t>ヒョウ</t>
    </rPh>
    <phoneticPr fontId="3"/>
  </si>
  <si>
    <t>様式１病院病棟票(6)</t>
    <rPh sb="0" eb="2">
      <t>ヨウシキ</t>
    </rPh>
    <rPh sb="3" eb="5">
      <t>ビョウイン</t>
    </rPh>
    <rPh sb="5" eb="7">
      <t>ビョウトウ</t>
    </rPh>
    <rPh sb="7" eb="8">
      <t>ヒョウ</t>
    </rPh>
    <phoneticPr fontId="3"/>
  </si>
  <si>
    <t>2025年7月1日時点の予定病床数</t>
    <rPh sb="4" eb="5">
      <t>ネン</t>
    </rPh>
    <rPh sb="6" eb="7">
      <t>ガツ</t>
    </rPh>
    <rPh sb="8" eb="9">
      <t>ニチ</t>
    </rPh>
    <rPh sb="9" eb="11">
      <t>ジテン</t>
    </rPh>
    <rPh sb="12" eb="14">
      <t>ヨテイ</t>
    </rPh>
    <rPh sb="14" eb="17">
      <t>ビョウショウスウ</t>
    </rPh>
    <phoneticPr fontId="10"/>
  </si>
  <si>
    <t>様式１病院病棟票(7)</t>
    <rPh sb="0" eb="2">
      <t>ヨウシキ</t>
    </rPh>
    <rPh sb="3" eb="5">
      <t>ビョウイン</t>
    </rPh>
    <rPh sb="5" eb="7">
      <t>ビョウトウ</t>
    </rPh>
    <rPh sb="7" eb="8">
      <t>ヒョウ</t>
    </rPh>
    <phoneticPr fontId="3"/>
  </si>
  <si>
    <t>様式１病院病棟票(8)</t>
    <rPh sb="0" eb="2">
      <t>ヨウシキ</t>
    </rPh>
    <rPh sb="3" eb="5">
      <t>ビョウイン</t>
    </rPh>
    <rPh sb="5" eb="7">
      <t>ビョウトウ</t>
    </rPh>
    <rPh sb="7" eb="8">
      <t>ヒョウ</t>
    </rPh>
    <phoneticPr fontId="3"/>
  </si>
  <si>
    <t>様式１病院病棟票(9)</t>
    <rPh sb="0" eb="2">
      <t>ヨウシキ</t>
    </rPh>
    <rPh sb="3" eb="5">
      <t>ビョウイン</t>
    </rPh>
    <rPh sb="5" eb="7">
      <t>ビョウトウ</t>
    </rPh>
    <rPh sb="7" eb="8">
      <t>ヒョウ</t>
    </rPh>
    <phoneticPr fontId="3"/>
  </si>
  <si>
    <t>様式１病院病棟票(10)直後</t>
    <rPh sb="0" eb="2">
      <t>ヨウシキ</t>
    </rPh>
    <rPh sb="3" eb="5">
      <t>ビョウイン</t>
    </rPh>
    <rPh sb="5" eb="7">
      <t>ビョウトウ</t>
    </rPh>
    <rPh sb="7" eb="8">
      <t>ヒョウ</t>
    </rPh>
    <rPh sb="12" eb="13">
      <t>チョク</t>
    </rPh>
    <rPh sb="13" eb="14">
      <t>アト</t>
    </rPh>
    <phoneticPr fontId="3"/>
  </si>
  <si>
    <t>様式１病院施設票(43)</t>
    <rPh sb="0" eb="2">
      <t>ヨウシキ</t>
    </rPh>
    <rPh sb="3" eb="5">
      <t>ビョウイン</t>
    </rPh>
    <rPh sb="5" eb="7">
      <t>シセツ</t>
    </rPh>
    <rPh sb="7" eb="8">
      <t>ヒョウ</t>
    </rPh>
    <phoneticPr fontId="3"/>
  </si>
  <si>
    <t>様式１病院施設票(43)-1</t>
    <rPh sb="0" eb="2">
      <t>ヨウシキ</t>
    </rPh>
    <rPh sb="3" eb="5">
      <t>ビョウイン</t>
    </rPh>
    <rPh sb="5" eb="7">
      <t>シセツ</t>
    </rPh>
    <rPh sb="7" eb="8">
      <t>ヒョウ</t>
    </rPh>
    <phoneticPr fontId="3"/>
  </si>
  <si>
    <t>様式１病院施設票(43)-2</t>
    <rPh sb="0" eb="2">
      <t>ヨウシキ</t>
    </rPh>
    <rPh sb="3" eb="5">
      <t>ビョウイン</t>
    </rPh>
    <rPh sb="5" eb="7">
      <t>シセツ</t>
    </rPh>
    <rPh sb="7" eb="8">
      <t>ヒョウ</t>
    </rPh>
    <phoneticPr fontId="3"/>
  </si>
  <si>
    <t>様式１病院施設票(43)-3</t>
    <rPh sb="0" eb="2">
      <t>ヨウシキ</t>
    </rPh>
    <rPh sb="3" eb="5">
      <t>ビョウイン</t>
    </rPh>
    <rPh sb="5" eb="7">
      <t>シセツ</t>
    </rPh>
    <rPh sb="7" eb="8">
      <t>ヒョウ</t>
    </rPh>
    <phoneticPr fontId="3"/>
  </si>
  <si>
    <t>様式１病院病棟票(11)</t>
    <rPh sb="0" eb="2">
      <t>ヨウシキ</t>
    </rPh>
    <rPh sb="3" eb="5">
      <t>ビョウイン</t>
    </rPh>
    <rPh sb="5" eb="7">
      <t>ビョウトウ</t>
    </rPh>
    <rPh sb="7" eb="8">
      <t>ヒョウ</t>
    </rPh>
    <phoneticPr fontId="3"/>
  </si>
  <si>
    <t>様式１病院病棟票(12)</t>
    <rPh sb="0" eb="2">
      <t>ヨウシキ</t>
    </rPh>
    <rPh sb="3" eb="5">
      <t>ビョウイン</t>
    </rPh>
    <rPh sb="5" eb="7">
      <t>ビョウトウ</t>
    </rPh>
    <rPh sb="7" eb="8">
      <t>ヒョウ</t>
    </rPh>
    <phoneticPr fontId="3"/>
  </si>
  <si>
    <t>様式１病院病棟票(13)</t>
    <rPh sb="0" eb="2">
      <t>ヨウシキ</t>
    </rPh>
    <rPh sb="3" eb="5">
      <t>ビョウイン</t>
    </rPh>
    <rPh sb="5" eb="7">
      <t>ビョウトウ</t>
    </rPh>
    <rPh sb="7" eb="8">
      <t>ヒョウ</t>
    </rPh>
    <phoneticPr fontId="3"/>
  </si>
  <si>
    <t>様式１病院病棟票(14)</t>
    <rPh sb="0" eb="2">
      <t>ヨウシキ</t>
    </rPh>
    <rPh sb="3" eb="5">
      <t>ビョウイン</t>
    </rPh>
    <rPh sb="5" eb="7">
      <t>ビョウトウ</t>
    </rPh>
    <rPh sb="7" eb="8">
      <t>ヒョウ</t>
    </rPh>
    <phoneticPr fontId="3"/>
  </si>
  <si>
    <t>様式１病院施設票(56)</t>
    <rPh sb="0" eb="2">
      <t>ヨウシキ</t>
    </rPh>
    <rPh sb="3" eb="5">
      <t>ビョウイン</t>
    </rPh>
    <rPh sb="5" eb="7">
      <t>シセツ</t>
    </rPh>
    <rPh sb="7" eb="8">
      <t>ヒョウ</t>
    </rPh>
    <phoneticPr fontId="3"/>
  </si>
  <si>
    <t>様式１病院施設票(70)</t>
    <rPh sb="0" eb="2">
      <t>ヨウシキ</t>
    </rPh>
    <rPh sb="3" eb="5">
      <t>ビョウイン</t>
    </rPh>
    <rPh sb="5" eb="7">
      <t>シセツ</t>
    </rPh>
    <rPh sb="7" eb="8">
      <t>ヒョウ</t>
    </rPh>
    <phoneticPr fontId="3"/>
  </si>
  <si>
    <t>様式１病院施設票(69)</t>
    <rPh sb="0" eb="2">
      <t>ヨウシキ</t>
    </rPh>
    <rPh sb="3" eb="5">
      <t>ビョウイン</t>
    </rPh>
    <rPh sb="5" eb="7">
      <t>シセツ</t>
    </rPh>
    <rPh sb="7" eb="8">
      <t>ヒョウ</t>
    </rPh>
    <phoneticPr fontId="3"/>
  </si>
  <si>
    <t>様式１病院施設票(68)</t>
    <rPh sb="0" eb="2">
      <t>ヨウシキ</t>
    </rPh>
    <rPh sb="3" eb="5">
      <t>ビョウイン</t>
    </rPh>
    <rPh sb="5" eb="7">
      <t>シセツ</t>
    </rPh>
    <rPh sb="7" eb="8">
      <t>ヒョウ</t>
    </rPh>
    <phoneticPr fontId="3"/>
  </si>
  <si>
    <t>※並び順に注意！</t>
    <rPh sb="1" eb="2">
      <t>ナラ</t>
    </rPh>
    <rPh sb="3" eb="4">
      <t>ジュン</t>
    </rPh>
    <rPh sb="5" eb="7">
      <t>チュウイ</t>
    </rPh>
    <phoneticPr fontId="3"/>
  </si>
  <si>
    <t>様式１病院施設票(57)</t>
    <rPh sb="0" eb="2">
      <t>ヨウシキ</t>
    </rPh>
    <rPh sb="3" eb="5">
      <t>ビョウイン</t>
    </rPh>
    <rPh sb="5" eb="7">
      <t>シセツ</t>
    </rPh>
    <rPh sb="7" eb="8">
      <t>ヒョウ</t>
    </rPh>
    <phoneticPr fontId="3"/>
  </si>
  <si>
    <t>様式１病院施設票(58)</t>
    <rPh sb="0" eb="2">
      <t>ヨウシキ</t>
    </rPh>
    <rPh sb="3" eb="5">
      <t>ビョウイン</t>
    </rPh>
    <rPh sb="5" eb="7">
      <t>シセツ</t>
    </rPh>
    <rPh sb="7" eb="8">
      <t>ヒョウ</t>
    </rPh>
    <phoneticPr fontId="3"/>
  </si>
  <si>
    <t>様式１病院施設票(59)</t>
    <rPh sb="0" eb="2">
      <t>ヨウシキ</t>
    </rPh>
    <rPh sb="3" eb="5">
      <t>ビョウイン</t>
    </rPh>
    <rPh sb="5" eb="7">
      <t>シセツ</t>
    </rPh>
    <rPh sb="7" eb="8">
      <t>ヒョウ</t>
    </rPh>
    <phoneticPr fontId="3"/>
  </si>
  <si>
    <t>様式１病院施設票(60)</t>
    <rPh sb="0" eb="2">
      <t>ヨウシキ</t>
    </rPh>
    <rPh sb="3" eb="5">
      <t>ビョウイン</t>
    </rPh>
    <rPh sb="5" eb="7">
      <t>シセツ</t>
    </rPh>
    <rPh sb="7" eb="8">
      <t>ヒョウ</t>
    </rPh>
    <phoneticPr fontId="3"/>
  </si>
  <si>
    <t>様式１病院施設票(61)</t>
    <rPh sb="0" eb="2">
      <t>ヨウシキ</t>
    </rPh>
    <rPh sb="3" eb="5">
      <t>ビョウイン</t>
    </rPh>
    <rPh sb="5" eb="7">
      <t>シセツ</t>
    </rPh>
    <rPh sb="7" eb="8">
      <t>ヒョウ</t>
    </rPh>
    <phoneticPr fontId="3"/>
  </si>
  <si>
    <t>一般病棟入院基本料（療養病棟入院料１の例により算定）</t>
    <phoneticPr fontId="3"/>
  </si>
  <si>
    <t>介護療養病床における療養型介護療養施設サービス費等</t>
    <phoneticPr fontId="3"/>
  </si>
  <si>
    <t>障害者施設等特定入院基本料</t>
    <phoneticPr fontId="3"/>
  </si>
  <si>
    <t>特殊疾患病棟入院料１</t>
    <phoneticPr fontId="3"/>
  </si>
  <si>
    <t>特殊疾患病棟入院料２</t>
  </si>
  <si>
    <t>特定一般病棟入院料（地域包括ケア１）</t>
    <phoneticPr fontId="3"/>
  </si>
  <si>
    <t>特定一般病棟入院料（地域包括ケア２）</t>
  </si>
  <si>
    <t>特定一般病棟入院料（地域包括ケア３）</t>
  </si>
  <si>
    <t>特定一般病棟入院料（地域包括ケア４）</t>
  </si>
  <si>
    <t>特定一般病棟入院料（療養病棟入院料１の例により算定）</t>
    <phoneticPr fontId="3"/>
  </si>
  <si>
    <t>短期滞在手術等基本料２</t>
    <phoneticPr fontId="3"/>
  </si>
  <si>
    <t>短期滞在手術等基本料３</t>
    <phoneticPr fontId="3"/>
  </si>
  <si>
    <t>様式2病棟票(3)</t>
    <rPh sb="0" eb="2">
      <t>ヨウシキ</t>
    </rPh>
    <rPh sb="3" eb="5">
      <t>ビョウトウ</t>
    </rPh>
    <rPh sb="5" eb="6">
      <t>ヒョウ</t>
    </rPh>
    <phoneticPr fontId="3"/>
  </si>
  <si>
    <t>様式2病棟票(4)</t>
    <rPh sb="0" eb="2">
      <t>ヨウシキ</t>
    </rPh>
    <rPh sb="3" eb="5">
      <t>ビョウトウ</t>
    </rPh>
    <rPh sb="5" eb="6">
      <t>ヒョウ</t>
    </rPh>
    <phoneticPr fontId="3"/>
  </si>
  <si>
    <t>様式2病棟票(5)</t>
    <rPh sb="0" eb="2">
      <t>ヨウシキ</t>
    </rPh>
    <rPh sb="3" eb="5">
      <t>ビョウトウ</t>
    </rPh>
    <rPh sb="5" eb="6">
      <t>ヒョウ</t>
    </rPh>
    <phoneticPr fontId="3"/>
  </si>
  <si>
    <t>様式2病棟票(6)</t>
    <rPh sb="0" eb="2">
      <t>ヨウシキ</t>
    </rPh>
    <rPh sb="3" eb="5">
      <t>ビョウトウ</t>
    </rPh>
    <rPh sb="5" eb="6">
      <t>ヒョウ</t>
    </rPh>
    <phoneticPr fontId="3"/>
  </si>
  <si>
    <t>様式2病棟票(7)</t>
    <rPh sb="0" eb="2">
      <t>ヨウシキ</t>
    </rPh>
    <rPh sb="3" eb="5">
      <t>ビョウトウ</t>
    </rPh>
    <rPh sb="5" eb="6">
      <t>ヒョウ</t>
    </rPh>
    <phoneticPr fontId="3"/>
  </si>
  <si>
    <t>様式2病棟票(8)</t>
    <rPh sb="0" eb="2">
      <t>ヨウシキ</t>
    </rPh>
    <rPh sb="3" eb="5">
      <t>ビョウトウ</t>
    </rPh>
    <rPh sb="5" eb="6">
      <t>ヒョウ</t>
    </rPh>
    <phoneticPr fontId="3"/>
  </si>
  <si>
    <t>様式2病棟票(9)</t>
    <rPh sb="0" eb="2">
      <t>ヨウシキ</t>
    </rPh>
    <rPh sb="3" eb="5">
      <t>ビョウトウ</t>
    </rPh>
    <rPh sb="5" eb="6">
      <t>ヒョウ</t>
    </rPh>
    <phoneticPr fontId="3"/>
  </si>
  <si>
    <t>様式2病棟票(11)</t>
    <rPh sb="0" eb="2">
      <t>ヨウシキ</t>
    </rPh>
    <rPh sb="3" eb="5">
      <t>ビョウトウ</t>
    </rPh>
    <rPh sb="5" eb="6">
      <t>ヒョウ</t>
    </rPh>
    <phoneticPr fontId="3"/>
  </si>
  <si>
    <t>様式2病棟票(12)</t>
    <rPh sb="0" eb="2">
      <t>ヨウシキ</t>
    </rPh>
    <rPh sb="3" eb="5">
      <t>ビョウトウ</t>
    </rPh>
    <rPh sb="5" eb="6">
      <t>ヒョウ</t>
    </rPh>
    <phoneticPr fontId="3"/>
  </si>
  <si>
    <t>様式2病棟票(13)</t>
    <rPh sb="0" eb="2">
      <t>ヨウシキ</t>
    </rPh>
    <rPh sb="3" eb="5">
      <t>ビョウトウ</t>
    </rPh>
    <rPh sb="5" eb="6">
      <t>ヒョウ</t>
    </rPh>
    <phoneticPr fontId="3"/>
  </si>
  <si>
    <t>様式2病棟票(14)</t>
    <rPh sb="0" eb="2">
      <t>ヨウシキ</t>
    </rPh>
    <rPh sb="3" eb="5">
      <t>ビョウトウ</t>
    </rPh>
    <rPh sb="5" eb="6">
      <t>ヒョウ</t>
    </rPh>
    <phoneticPr fontId="3"/>
  </si>
  <si>
    <t>様式2病棟票(15)</t>
    <rPh sb="0" eb="2">
      <t>ヨウシキ</t>
    </rPh>
    <rPh sb="3" eb="5">
      <t>ビョウトウ</t>
    </rPh>
    <rPh sb="5" eb="6">
      <t>ヒョウ</t>
    </rPh>
    <phoneticPr fontId="3"/>
  </si>
  <si>
    <t>様式2病棟票(25)</t>
    <rPh sb="0" eb="2">
      <t>ヨウシキ</t>
    </rPh>
    <rPh sb="3" eb="5">
      <t>ビョウトウ</t>
    </rPh>
    <rPh sb="5" eb="6">
      <t>ヒョウ</t>
    </rPh>
    <phoneticPr fontId="3"/>
  </si>
  <si>
    <t>様式2病棟票(55)</t>
    <rPh sb="0" eb="2">
      <t>ヨウシキ</t>
    </rPh>
    <rPh sb="3" eb="5">
      <t>ビョウトウ</t>
    </rPh>
    <rPh sb="5" eb="6">
      <t>ヒョウ</t>
    </rPh>
    <phoneticPr fontId="3"/>
  </si>
  <si>
    <t>様式2病棟票(35)</t>
    <rPh sb="0" eb="2">
      <t>ヨウシキ</t>
    </rPh>
    <rPh sb="3" eb="5">
      <t>ビョウトウ</t>
    </rPh>
    <rPh sb="5" eb="6">
      <t>ヒョウ</t>
    </rPh>
    <phoneticPr fontId="3"/>
  </si>
  <si>
    <t>様式2病棟票(45)</t>
    <rPh sb="0" eb="2">
      <t>ヨウシキ</t>
    </rPh>
    <rPh sb="3" eb="5">
      <t>ビョウトウ</t>
    </rPh>
    <rPh sb="5" eb="6">
      <t>ヒョウ</t>
    </rPh>
    <phoneticPr fontId="3"/>
  </si>
  <si>
    <t>様式2病棟票(46)</t>
    <rPh sb="0" eb="2">
      <t>ヨウシキ</t>
    </rPh>
    <rPh sb="3" eb="5">
      <t>ビョウトウ</t>
    </rPh>
    <rPh sb="5" eb="6">
      <t>ヒョウ</t>
    </rPh>
    <phoneticPr fontId="3"/>
  </si>
  <si>
    <t>様式2病棟票(47)</t>
    <rPh sb="0" eb="2">
      <t>ヨウシキ</t>
    </rPh>
    <rPh sb="3" eb="5">
      <t>ビョウトウ</t>
    </rPh>
    <rPh sb="5" eb="6">
      <t>ヒョウ</t>
    </rPh>
    <phoneticPr fontId="3"/>
  </si>
  <si>
    <t>様式2病棟票(48)</t>
    <rPh sb="0" eb="2">
      <t>ヨウシキ</t>
    </rPh>
    <rPh sb="3" eb="5">
      <t>ビョウトウ</t>
    </rPh>
    <rPh sb="5" eb="6">
      <t>ヒョウ</t>
    </rPh>
    <phoneticPr fontId="3"/>
  </si>
  <si>
    <t>様式2病棟票(49)</t>
    <rPh sb="0" eb="2">
      <t>ヨウシキ</t>
    </rPh>
    <rPh sb="3" eb="5">
      <t>ビョウトウ</t>
    </rPh>
    <rPh sb="5" eb="6">
      <t>ヒョウ</t>
    </rPh>
    <phoneticPr fontId="3"/>
  </si>
  <si>
    <t>様式2病棟票(50)</t>
    <rPh sb="0" eb="2">
      <t>ヨウシキ</t>
    </rPh>
    <rPh sb="3" eb="5">
      <t>ビョウトウ</t>
    </rPh>
    <rPh sb="5" eb="6">
      <t>ヒョウ</t>
    </rPh>
    <phoneticPr fontId="3"/>
  </si>
  <si>
    <t>様式2病棟票(51)</t>
    <rPh sb="0" eb="2">
      <t>ヨウシキ</t>
    </rPh>
    <rPh sb="3" eb="5">
      <t>ビョウトウ</t>
    </rPh>
    <rPh sb="5" eb="6">
      <t>ヒョウ</t>
    </rPh>
    <phoneticPr fontId="3"/>
  </si>
  <si>
    <t>様式2病棟票(52)</t>
    <rPh sb="0" eb="2">
      <t>ヨウシキ</t>
    </rPh>
    <rPh sb="3" eb="5">
      <t>ビョウトウ</t>
    </rPh>
    <rPh sb="5" eb="6">
      <t>ヒョウ</t>
    </rPh>
    <phoneticPr fontId="3"/>
  </si>
  <si>
    <t>様式2病棟票(58)</t>
    <rPh sb="0" eb="2">
      <t>ヨウシキ</t>
    </rPh>
    <rPh sb="3" eb="5">
      <t>ビョウトウ</t>
    </rPh>
    <rPh sb="5" eb="6">
      <t>ヒョウ</t>
    </rPh>
    <phoneticPr fontId="3"/>
  </si>
  <si>
    <t>様式2病棟票(61)</t>
    <rPh sb="0" eb="2">
      <t>ヨウシキ</t>
    </rPh>
    <rPh sb="3" eb="5">
      <t>ビョウトウ</t>
    </rPh>
    <rPh sb="5" eb="6">
      <t>ヒョウ</t>
    </rPh>
    <phoneticPr fontId="3"/>
  </si>
  <si>
    <t>様式2病棟票(64)</t>
    <rPh sb="0" eb="2">
      <t>ヨウシキ</t>
    </rPh>
    <rPh sb="3" eb="5">
      <t>ビョウトウ</t>
    </rPh>
    <rPh sb="5" eb="6">
      <t>ヒョウ</t>
    </rPh>
    <phoneticPr fontId="3"/>
  </si>
  <si>
    <t>様式2病棟票(65)</t>
    <rPh sb="0" eb="2">
      <t>ヨウシキ</t>
    </rPh>
    <rPh sb="3" eb="5">
      <t>ビョウトウ</t>
    </rPh>
    <rPh sb="5" eb="6">
      <t>ヒョウ</t>
    </rPh>
    <phoneticPr fontId="3"/>
  </si>
  <si>
    <t>様式2病棟票(66)</t>
    <rPh sb="0" eb="2">
      <t>ヨウシキ</t>
    </rPh>
    <rPh sb="3" eb="5">
      <t>ビョウトウ</t>
    </rPh>
    <rPh sb="5" eb="6">
      <t>ヒョウ</t>
    </rPh>
    <phoneticPr fontId="3"/>
  </si>
  <si>
    <t>様式2病棟票(67)</t>
    <rPh sb="0" eb="2">
      <t>ヨウシキ</t>
    </rPh>
    <rPh sb="3" eb="5">
      <t>ビョウトウ</t>
    </rPh>
    <rPh sb="5" eb="6">
      <t>ヒョウ</t>
    </rPh>
    <phoneticPr fontId="3"/>
  </si>
  <si>
    <t>様式2病棟票(70)</t>
    <rPh sb="0" eb="2">
      <t>ヨウシキ</t>
    </rPh>
    <rPh sb="3" eb="5">
      <t>ビョウトウ</t>
    </rPh>
    <rPh sb="5" eb="6">
      <t>ヒョウ</t>
    </rPh>
    <phoneticPr fontId="3"/>
  </si>
  <si>
    <t>様式2病棟票(73)</t>
    <rPh sb="0" eb="2">
      <t>ヨウシキ</t>
    </rPh>
    <rPh sb="3" eb="5">
      <t>ビョウトウ</t>
    </rPh>
    <rPh sb="5" eb="6">
      <t>ヒョウ</t>
    </rPh>
    <phoneticPr fontId="3"/>
  </si>
  <si>
    <t>様式2病棟票(74)</t>
    <rPh sb="0" eb="2">
      <t>ヨウシキ</t>
    </rPh>
    <rPh sb="3" eb="5">
      <t>ビョウトウ</t>
    </rPh>
    <rPh sb="5" eb="6">
      <t>ヒョウ</t>
    </rPh>
    <phoneticPr fontId="3"/>
  </si>
  <si>
    <t>様式2病棟票(77)</t>
    <rPh sb="0" eb="2">
      <t>ヨウシキ</t>
    </rPh>
    <rPh sb="3" eb="5">
      <t>ビョウトウ</t>
    </rPh>
    <rPh sb="5" eb="6">
      <t>ヒョウ</t>
    </rPh>
    <phoneticPr fontId="3"/>
  </si>
  <si>
    <t>様式2病棟票(78)</t>
    <rPh sb="0" eb="2">
      <t>ヨウシキ</t>
    </rPh>
    <rPh sb="3" eb="5">
      <t>ビョウトウ</t>
    </rPh>
    <rPh sb="5" eb="6">
      <t>ヒョウ</t>
    </rPh>
    <phoneticPr fontId="3"/>
  </si>
  <si>
    <t>様式2病棟票(81)</t>
    <rPh sb="0" eb="2">
      <t>ヨウシキ</t>
    </rPh>
    <rPh sb="3" eb="5">
      <t>ビョウトウ</t>
    </rPh>
    <rPh sb="5" eb="6">
      <t>ヒョウ</t>
    </rPh>
    <phoneticPr fontId="3"/>
  </si>
  <si>
    <t>様式2病棟票(82)</t>
    <rPh sb="0" eb="2">
      <t>ヨウシキ</t>
    </rPh>
    <rPh sb="3" eb="5">
      <t>ビョウトウ</t>
    </rPh>
    <rPh sb="5" eb="6">
      <t>ヒョウ</t>
    </rPh>
    <phoneticPr fontId="3"/>
  </si>
  <si>
    <t>様式2病棟票(83)</t>
    <rPh sb="0" eb="2">
      <t>ヨウシキ</t>
    </rPh>
    <rPh sb="3" eb="5">
      <t>ビョウトウ</t>
    </rPh>
    <rPh sb="5" eb="6">
      <t>ヒョウ</t>
    </rPh>
    <phoneticPr fontId="3"/>
  </si>
  <si>
    <t>様式2病棟票(84)</t>
    <rPh sb="0" eb="2">
      <t>ヨウシキ</t>
    </rPh>
    <rPh sb="3" eb="5">
      <t>ビョウトウ</t>
    </rPh>
    <rPh sb="5" eb="6">
      <t>ヒョウ</t>
    </rPh>
    <phoneticPr fontId="3"/>
  </si>
  <si>
    <t>様式2病棟票(85)</t>
    <rPh sb="0" eb="2">
      <t>ヨウシキ</t>
    </rPh>
    <rPh sb="3" eb="5">
      <t>ビョウトウ</t>
    </rPh>
    <rPh sb="5" eb="6">
      <t>ヒョウ</t>
    </rPh>
    <phoneticPr fontId="3"/>
  </si>
  <si>
    <t>様式2病棟票(86)</t>
    <rPh sb="0" eb="2">
      <t>ヨウシキ</t>
    </rPh>
    <rPh sb="3" eb="5">
      <t>ビョウトウ</t>
    </rPh>
    <rPh sb="5" eb="6">
      <t>ヒョウ</t>
    </rPh>
    <phoneticPr fontId="3"/>
  </si>
  <si>
    <t>様式2病棟票(87)</t>
    <rPh sb="0" eb="2">
      <t>ヨウシキ</t>
    </rPh>
    <rPh sb="3" eb="5">
      <t>ビョウトウ</t>
    </rPh>
    <rPh sb="5" eb="6">
      <t>ヒョウ</t>
    </rPh>
    <phoneticPr fontId="3"/>
  </si>
  <si>
    <t>様式2病棟票(88)</t>
    <rPh sb="0" eb="2">
      <t>ヨウシキ</t>
    </rPh>
    <rPh sb="3" eb="5">
      <t>ビョウトウ</t>
    </rPh>
    <rPh sb="5" eb="6">
      <t>ヒョウ</t>
    </rPh>
    <phoneticPr fontId="3"/>
  </si>
  <si>
    <t>様式2病棟票(89)</t>
    <rPh sb="0" eb="2">
      <t>ヨウシキ</t>
    </rPh>
    <rPh sb="3" eb="5">
      <t>ビョウトウ</t>
    </rPh>
    <rPh sb="5" eb="6">
      <t>ヒョウ</t>
    </rPh>
    <phoneticPr fontId="3"/>
  </si>
  <si>
    <t>様式2病棟票(90)</t>
    <rPh sb="0" eb="2">
      <t>ヨウシキ</t>
    </rPh>
    <rPh sb="3" eb="5">
      <t>ビョウトウ</t>
    </rPh>
    <rPh sb="5" eb="6">
      <t>ヒョウ</t>
    </rPh>
    <phoneticPr fontId="3"/>
  </si>
  <si>
    <t>様式2病棟票(93)</t>
    <rPh sb="0" eb="2">
      <t>ヨウシキ</t>
    </rPh>
    <rPh sb="3" eb="5">
      <t>ビョウトウ</t>
    </rPh>
    <rPh sb="5" eb="6">
      <t>ヒョウ</t>
    </rPh>
    <phoneticPr fontId="3"/>
  </si>
  <si>
    <t>様式2病棟票(94)</t>
    <rPh sb="0" eb="2">
      <t>ヨウシキ</t>
    </rPh>
    <rPh sb="3" eb="5">
      <t>ビョウトウ</t>
    </rPh>
    <rPh sb="5" eb="6">
      <t>ヒョウ</t>
    </rPh>
    <phoneticPr fontId="3"/>
  </si>
  <si>
    <t>様式2病棟票(95)</t>
    <rPh sb="0" eb="2">
      <t>ヨウシキ</t>
    </rPh>
    <rPh sb="3" eb="5">
      <t>ビョウトウ</t>
    </rPh>
    <rPh sb="5" eb="6">
      <t>ヒョウ</t>
    </rPh>
    <phoneticPr fontId="3"/>
  </si>
  <si>
    <t>様式2病棟票(96)</t>
    <rPh sb="0" eb="2">
      <t>ヨウシキ</t>
    </rPh>
    <rPh sb="3" eb="5">
      <t>ビョウトウ</t>
    </rPh>
    <rPh sb="5" eb="6">
      <t>ヒョウ</t>
    </rPh>
    <phoneticPr fontId="3"/>
  </si>
  <si>
    <t>様式2病棟票(97)</t>
    <rPh sb="0" eb="2">
      <t>ヨウシキ</t>
    </rPh>
    <rPh sb="3" eb="5">
      <t>ビョウトウ</t>
    </rPh>
    <rPh sb="5" eb="6">
      <t>ヒョウ</t>
    </rPh>
    <phoneticPr fontId="3"/>
  </si>
  <si>
    <t>様式2病棟票(98)</t>
    <rPh sb="0" eb="2">
      <t>ヨウシキ</t>
    </rPh>
    <rPh sb="3" eb="5">
      <t>ビョウトウ</t>
    </rPh>
    <rPh sb="5" eb="6">
      <t>ヒョウ</t>
    </rPh>
    <phoneticPr fontId="3"/>
  </si>
  <si>
    <t>様式2病棟票(99)</t>
    <rPh sb="0" eb="2">
      <t>ヨウシキ</t>
    </rPh>
    <rPh sb="3" eb="5">
      <t>ビョウトウ</t>
    </rPh>
    <rPh sb="5" eb="6">
      <t>ヒョウ</t>
    </rPh>
    <phoneticPr fontId="3"/>
  </si>
  <si>
    <t>様式2病棟票(100)</t>
    <rPh sb="0" eb="2">
      <t>ヨウシキ</t>
    </rPh>
    <rPh sb="3" eb="5">
      <t>ビョウトウ</t>
    </rPh>
    <rPh sb="5" eb="6">
      <t>ヒョウ</t>
    </rPh>
    <phoneticPr fontId="3"/>
  </si>
  <si>
    <t>様式2病棟票(101)</t>
    <rPh sb="0" eb="2">
      <t>ヨウシキ</t>
    </rPh>
    <rPh sb="3" eb="5">
      <t>ビョウトウ</t>
    </rPh>
    <rPh sb="5" eb="6">
      <t>ヒョウ</t>
    </rPh>
    <phoneticPr fontId="3"/>
  </si>
  <si>
    <t>様式2病棟票(102)</t>
    <rPh sb="0" eb="2">
      <t>ヨウシキ</t>
    </rPh>
    <rPh sb="3" eb="5">
      <t>ビョウトウ</t>
    </rPh>
    <rPh sb="5" eb="6">
      <t>ヒョウ</t>
    </rPh>
    <phoneticPr fontId="3"/>
  </si>
  <si>
    <t>様式2病棟票(103)</t>
    <rPh sb="0" eb="2">
      <t>ヨウシキ</t>
    </rPh>
    <rPh sb="3" eb="5">
      <t>ビョウトウ</t>
    </rPh>
    <rPh sb="5" eb="6">
      <t>ヒョウ</t>
    </rPh>
    <phoneticPr fontId="3"/>
  </si>
  <si>
    <t>様式2病棟票(104)</t>
    <rPh sb="0" eb="2">
      <t>ヨウシキ</t>
    </rPh>
    <rPh sb="3" eb="5">
      <t>ビョウトウ</t>
    </rPh>
    <rPh sb="5" eb="6">
      <t>ヒョウ</t>
    </rPh>
    <phoneticPr fontId="3"/>
  </si>
  <si>
    <t>様式2病棟票(105)</t>
    <rPh sb="0" eb="2">
      <t>ヨウシキ</t>
    </rPh>
    <rPh sb="3" eb="5">
      <t>ビョウトウ</t>
    </rPh>
    <rPh sb="5" eb="6">
      <t>ヒョウ</t>
    </rPh>
    <phoneticPr fontId="3"/>
  </si>
  <si>
    <t>様式2病棟票(106)</t>
    <rPh sb="0" eb="2">
      <t>ヨウシキ</t>
    </rPh>
    <rPh sb="3" eb="5">
      <t>ビョウトウ</t>
    </rPh>
    <rPh sb="5" eb="6">
      <t>ヒョウ</t>
    </rPh>
    <phoneticPr fontId="3"/>
  </si>
  <si>
    <t>様式2病棟票(107)</t>
    <rPh sb="0" eb="2">
      <t>ヨウシキ</t>
    </rPh>
    <rPh sb="3" eb="5">
      <t>ビョウトウ</t>
    </rPh>
    <rPh sb="5" eb="6">
      <t>ヒョウ</t>
    </rPh>
    <phoneticPr fontId="3"/>
  </si>
  <si>
    <t>様式2病棟票(108)</t>
    <rPh sb="0" eb="2">
      <t>ヨウシキ</t>
    </rPh>
    <rPh sb="3" eb="5">
      <t>ビョウトウ</t>
    </rPh>
    <rPh sb="5" eb="6">
      <t>ヒョウ</t>
    </rPh>
    <phoneticPr fontId="3"/>
  </si>
  <si>
    <t>様式2病棟票(109)</t>
    <rPh sb="0" eb="2">
      <t>ヨウシキ</t>
    </rPh>
    <rPh sb="3" eb="5">
      <t>ビョウトウ</t>
    </rPh>
    <rPh sb="5" eb="6">
      <t>ヒョウ</t>
    </rPh>
    <phoneticPr fontId="3"/>
  </si>
  <si>
    <t>様式2病棟票(110)</t>
    <rPh sb="0" eb="2">
      <t>ヨウシキ</t>
    </rPh>
    <rPh sb="3" eb="5">
      <t>ビョウトウ</t>
    </rPh>
    <rPh sb="5" eb="6">
      <t>ヒョウ</t>
    </rPh>
    <phoneticPr fontId="3"/>
  </si>
  <si>
    <t>様式2病棟票(111)</t>
    <rPh sb="0" eb="2">
      <t>ヨウシキ</t>
    </rPh>
    <rPh sb="3" eb="5">
      <t>ビョウトウ</t>
    </rPh>
    <rPh sb="5" eb="6">
      <t>ヒョウ</t>
    </rPh>
    <phoneticPr fontId="3"/>
  </si>
  <si>
    <t>様式2病棟票(112)</t>
    <rPh sb="0" eb="2">
      <t>ヨウシキ</t>
    </rPh>
    <rPh sb="3" eb="5">
      <t>ビョウトウ</t>
    </rPh>
    <rPh sb="5" eb="6">
      <t>ヒョウ</t>
    </rPh>
    <phoneticPr fontId="3"/>
  </si>
  <si>
    <t>様式2病棟票(115)</t>
    <rPh sb="0" eb="2">
      <t>ヨウシキ</t>
    </rPh>
    <rPh sb="3" eb="5">
      <t>ビョウトウ</t>
    </rPh>
    <rPh sb="5" eb="6">
      <t>ヒョウ</t>
    </rPh>
    <phoneticPr fontId="3"/>
  </si>
  <si>
    <t>様式2病棟票(118)</t>
    <rPh sb="0" eb="2">
      <t>ヨウシキ</t>
    </rPh>
    <rPh sb="3" eb="5">
      <t>ビョウトウ</t>
    </rPh>
    <rPh sb="5" eb="6">
      <t>ヒョウ</t>
    </rPh>
    <phoneticPr fontId="3"/>
  </si>
  <si>
    <t>様式2病棟票(119)</t>
    <rPh sb="0" eb="2">
      <t>ヨウシキ</t>
    </rPh>
    <rPh sb="3" eb="5">
      <t>ビョウトウ</t>
    </rPh>
    <rPh sb="5" eb="6">
      <t>ヒョウ</t>
    </rPh>
    <phoneticPr fontId="3"/>
  </si>
  <si>
    <t>様式2病棟票(120)</t>
    <rPh sb="0" eb="2">
      <t>ヨウシキ</t>
    </rPh>
    <rPh sb="3" eb="5">
      <t>ビョウトウ</t>
    </rPh>
    <rPh sb="5" eb="6">
      <t>ヒョウ</t>
    </rPh>
    <phoneticPr fontId="3"/>
  </si>
  <si>
    <t>様式2病棟票(121)</t>
    <rPh sb="0" eb="2">
      <t>ヨウシキ</t>
    </rPh>
    <rPh sb="3" eb="5">
      <t>ビョウトウ</t>
    </rPh>
    <rPh sb="5" eb="6">
      <t>ヒョウ</t>
    </rPh>
    <phoneticPr fontId="3"/>
  </si>
  <si>
    <t>様式2病棟票(122)</t>
    <rPh sb="0" eb="2">
      <t>ヨウシキ</t>
    </rPh>
    <rPh sb="3" eb="5">
      <t>ビョウトウ</t>
    </rPh>
    <rPh sb="5" eb="6">
      <t>ヒョウ</t>
    </rPh>
    <phoneticPr fontId="3"/>
  </si>
  <si>
    <t>様式2病棟票(123)</t>
    <rPh sb="0" eb="2">
      <t>ヨウシキ</t>
    </rPh>
    <rPh sb="3" eb="5">
      <t>ビョウトウ</t>
    </rPh>
    <rPh sb="5" eb="6">
      <t>ヒョウ</t>
    </rPh>
    <phoneticPr fontId="3"/>
  </si>
  <si>
    <t>様式2病棟票(124)</t>
    <rPh sb="0" eb="2">
      <t>ヨウシキ</t>
    </rPh>
    <rPh sb="3" eb="5">
      <t>ビョウトウ</t>
    </rPh>
    <rPh sb="5" eb="6">
      <t>ヒョウ</t>
    </rPh>
    <phoneticPr fontId="3"/>
  </si>
  <si>
    <t>様式2病棟票(125)</t>
    <rPh sb="0" eb="2">
      <t>ヨウシキ</t>
    </rPh>
    <rPh sb="3" eb="5">
      <t>ビョウトウ</t>
    </rPh>
    <rPh sb="5" eb="6">
      <t>ヒョウ</t>
    </rPh>
    <phoneticPr fontId="3"/>
  </si>
  <si>
    <t>様式2病棟票(126)</t>
    <rPh sb="0" eb="2">
      <t>ヨウシキ</t>
    </rPh>
    <rPh sb="3" eb="5">
      <t>ビョウトウ</t>
    </rPh>
    <rPh sb="5" eb="6">
      <t>ヒョウ</t>
    </rPh>
    <phoneticPr fontId="3"/>
  </si>
  <si>
    <t>様式2病棟票(136)</t>
    <rPh sb="0" eb="2">
      <t>ヨウシキ</t>
    </rPh>
    <rPh sb="3" eb="5">
      <t>ビョウトウ</t>
    </rPh>
    <rPh sb="5" eb="6">
      <t>ヒョウ</t>
    </rPh>
    <phoneticPr fontId="3"/>
  </si>
  <si>
    <t>様式2病棟票(137)</t>
    <rPh sb="0" eb="2">
      <t>ヨウシキ</t>
    </rPh>
    <rPh sb="3" eb="5">
      <t>ビョウトウ</t>
    </rPh>
    <rPh sb="5" eb="6">
      <t>ヒョウ</t>
    </rPh>
    <phoneticPr fontId="3"/>
  </si>
  <si>
    <t>様式１病院施設票(2)</t>
    <rPh sb="0" eb="2">
      <t>ヨウシキ</t>
    </rPh>
    <rPh sb="3" eb="5">
      <t>ビョウイン</t>
    </rPh>
    <rPh sb="5" eb="7">
      <t>シセツ</t>
    </rPh>
    <rPh sb="7" eb="8">
      <t>ヒョウ</t>
    </rPh>
    <phoneticPr fontId="3"/>
  </si>
  <si>
    <t>様式１病院施設票(3)</t>
    <rPh sb="0" eb="2">
      <t>ヨウシキ</t>
    </rPh>
    <rPh sb="3" eb="5">
      <t>ビョウイン</t>
    </rPh>
    <rPh sb="5" eb="7">
      <t>シセツ</t>
    </rPh>
    <rPh sb="7" eb="8">
      <t>ヒョウ</t>
    </rPh>
    <phoneticPr fontId="3"/>
  </si>
  <si>
    <t>様式１病院施設票(4)
様式１病院病棟票(32)</t>
    <rPh sb="0" eb="2">
      <t>ヨウシキ</t>
    </rPh>
    <rPh sb="3" eb="5">
      <t>ビョウイン</t>
    </rPh>
    <rPh sb="5" eb="7">
      <t>シセツ</t>
    </rPh>
    <rPh sb="7" eb="8">
      <t>ヒョウ</t>
    </rPh>
    <rPh sb="17" eb="19">
      <t>ビョウトウ</t>
    </rPh>
    <phoneticPr fontId="3"/>
  </si>
  <si>
    <t>様式１病院施設票(5)
様式１病院病棟票(33)</t>
    <rPh sb="0" eb="2">
      <t>ヨウシキ</t>
    </rPh>
    <rPh sb="3" eb="5">
      <t>ビョウイン</t>
    </rPh>
    <rPh sb="5" eb="7">
      <t>シセツ</t>
    </rPh>
    <rPh sb="7" eb="8">
      <t>ヒョウ</t>
    </rPh>
    <rPh sb="17" eb="19">
      <t>ビョウトウ</t>
    </rPh>
    <phoneticPr fontId="3"/>
  </si>
  <si>
    <t>様式１病院施設票(6)
様式１病院病棟票(34)</t>
    <rPh sb="0" eb="2">
      <t>ヨウシキ</t>
    </rPh>
    <rPh sb="3" eb="5">
      <t>ビョウイン</t>
    </rPh>
    <rPh sb="5" eb="7">
      <t>シセツ</t>
    </rPh>
    <rPh sb="7" eb="8">
      <t>ヒョウ</t>
    </rPh>
    <rPh sb="17" eb="19">
      <t>ビョウトウ</t>
    </rPh>
    <phoneticPr fontId="3"/>
  </si>
  <si>
    <t>様式１病院施設票(7)
様式１病院病棟票(35)</t>
    <rPh sb="0" eb="2">
      <t>ヨウシキ</t>
    </rPh>
    <rPh sb="3" eb="5">
      <t>ビョウイン</t>
    </rPh>
    <rPh sb="5" eb="7">
      <t>シセツ</t>
    </rPh>
    <rPh sb="7" eb="8">
      <t>ヒョウ</t>
    </rPh>
    <rPh sb="17" eb="19">
      <t>ビョウトウ</t>
    </rPh>
    <phoneticPr fontId="3"/>
  </si>
  <si>
    <t>様式１病院施設票(8)
様式１病院病棟票(36)</t>
    <rPh sb="0" eb="2">
      <t>ヨウシキ</t>
    </rPh>
    <rPh sb="3" eb="5">
      <t>ビョウイン</t>
    </rPh>
    <rPh sb="5" eb="7">
      <t>シセツ</t>
    </rPh>
    <rPh sb="7" eb="8">
      <t>ヒョウ</t>
    </rPh>
    <rPh sb="17" eb="19">
      <t>ビョウトウ</t>
    </rPh>
    <phoneticPr fontId="3"/>
  </si>
  <si>
    <t>様式１病院施設票(9)
様式１病院病棟票(37)</t>
    <rPh sb="0" eb="2">
      <t>ヨウシキ</t>
    </rPh>
    <rPh sb="3" eb="5">
      <t>ビョウイン</t>
    </rPh>
    <rPh sb="5" eb="7">
      <t>シセツ</t>
    </rPh>
    <rPh sb="7" eb="8">
      <t>ヒョウ</t>
    </rPh>
    <rPh sb="17" eb="19">
      <t>ビョウトウ</t>
    </rPh>
    <phoneticPr fontId="3"/>
  </si>
  <si>
    <t>様式１病院施設票(10)
様式１病院病棟票(38)</t>
    <rPh sb="0" eb="2">
      <t>ヨウシキ</t>
    </rPh>
    <rPh sb="3" eb="5">
      <t>ビョウイン</t>
    </rPh>
    <rPh sb="5" eb="7">
      <t>シセツ</t>
    </rPh>
    <rPh sb="7" eb="8">
      <t>ヒョウ</t>
    </rPh>
    <rPh sb="18" eb="20">
      <t>ビョウトウ</t>
    </rPh>
    <phoneticPr fontId="3"/>
  </si>
  <si>
    <t>様式１病院施設票(11)
様式１病院病棟票(39)</t>
    <rPh sb="0" eb="2">
      <t>ヨウシキ</t>
    </rPh>
    <rPh sb="3" eb="5">
      <t>ビョウイン</t>
    </rPh>
    <rPh sb="5" eb="7">
      <t>シセツ</t>
    </rPh>
    <rPh sb="7" eb="8">
      <t>ヒョウ</t>
    </rPh>
    <rPh sb="18" eb="20">
      <t>ビョウトウ</t>
    </rPh>
    <phoneticPr fontId="3"/>
  </si>
  <si>
    <t>様式１病院施設票(12)</t>
    <rPh sb="0" eb="2">
      <t>ヨウシキ</t>
    </rPh>
    <rPh sb="3" eb="5">
      <t>ビョウイン</t>
    </rPh>
    <rPh sb="5" eb="7">
      <t>シセツ</t>
    </rPh>
    <rPh sb="7" eb="8">
      <t>ヒョウ</t>
    </rPh>
    <phoneticPr fontId="3"/>
  </si>
  <si>
    <t>様式１病院施設票(13)</t>
    <rPh sb="0" eb="2">
      <t>ヨウシキ</t>
    </rPh>
    <rPh sb="3" eb="5">
      <t>ビョウイン</t>
    </rPh>
    <rPh sb="5" eb="7">
      <t>シセツ</t>
    </rPh>
    <rPh sb="7" eb="8">
      <t>ヒョウ</t>
    </rPh>
    <phoneticPr fontId="3"/>
  </si>
  <si>
    <t>様式１病院施設票(14)
様式１病院病棟票(40)</t>
    <rPh sb="0" eb="2">
      <t>ヨウシキ</t>
    </rPh>
    <rPh sb="3" eb="5">
      <t>ビョウイン</t>
    </rPh>
    <rPh sb="5" eb="7">
      <t>シセツ</t>
    </rPh>
    <rPh sb="7" eb="8">
      <t>ヒョウ</t>
    </rPh>
    <rPh sb="18" eb="20">
      <t>ビョウトウ</t>
    </rPh>
    <phoneticPr fontId="3"/>
  </si>
  <si>
    <t>様式１病院施設票(15)
様式１病院病棟票(41)</t>
    <rPh sb="0" eb="2">
      <t>ヨウシキ</t>
    </rPh>
    <rPh sb="3" eb="5">
      <t>ビョウイン</t>
    </rPh>
    <rPh sb="5" eb="7">
      <t>シセツ</t>
    </rPh>
    <rPh sb="7" eb="8">
      <t>ヒョウ</t>
    </rPh>
    <rPh sb="18" eb="20">
      <t>ビョウトウ</t>
    </rPh>
    <phoneticPr fontId="3"/>
  </si>
  <si>
    <t>様式１病院施設票(26)(36)(46)</t>
    <rPh sb="0" eb="2">
      <t>ヨウシキ</t>
    </rPh>
    <rPh sb="3" eb="5">
      <t>ビョウイン</t>
    </rPh>
    <rPh sb="5" eb="7">
      <t>シセツ</t>
    </rPh>
    <rPh sb="7" eb="8">
      <t>ヒョウ</t>
    </rPh>
    <phoneticPr fontId="3"/>
  </si>
  <si>
    <t>様式１病院施設票(27)(37)(47)</t>
    <rPh sb="0" eb="2">
      <t>ヨウシキ</t>
    </rPh>
    <rPh sb="3" eb="5">
      <t>ビョウイン</t>
    </rPh>
    <rPh sb="5" eb="7">
      <t>シセツ</t>
    </rPh>
    <rPh sb="7" eb="8">
      <t>ヒョウ</t>
    </rPh>
    <phoneticPr fontId="3"/>
  </si>
  <si>
    <t>様式１病院施設票(28)(38)(48)</t>
    <rPh sb="0" eb="2">
      <t>ヨウシキ</t>
    </rPh>
    <rPh sb="3" eb="5">
      <t>ビョウイン</t>
    </rPh>
    <rPh sb="5" eb="7">
      <t>シセツ</t>
    </rPh>
    <rPh sb="7" eb="8">
      <t>ヒョウ</t>
    </rPh>
    <phoneticPr fontId="3"/>
  </si>
  <si>
    <t>様式１病院施設票(29)(39)(49)</t>
    <rPh sb="0" eb="2">
      <t>ヨウシキ</t>
    </rPh>
    <rPh sb="3" eb="5">
      <t>ビョウイン</t>
    </rPh>
    <rPh sb="5" eb="7">
      <t>シセツ</t>
    </rPh>
    <rPh sb="7" eb="8">
      <t>ヒョウ</t>
    </rPh>
    <phoneticPr fontId="3"/>
  </si>
  <si>
    <t>様式１病院施設票(30)(40)(50)</t>
    <rPh sb="0" eb="2">
      <t>ヨウシキ</t>
    </rPh>
    <rPh sb="3" eb="5">
      <t>ビョウイン</t>
    </rPh>
    <rPh sb="5" eb="7">
      <t>シセツ</t>
    </rPh>
    <rPh sb="7" eb="8">
      <t>ヒョウ</t>
    </rPh>
    <phoneticPr fontId="3"/>
  </si>
  <si>
    <t>様式１病院施設票(31)(41)(51)</t>
    <rPh sb="0" eb="2">
      <t>ヨウシキ</t>
    </rPh>
    <rPh sb="3" eb="5">
      <t>ビョウイン</t>
    </rPh>
    <rPh sb="5" eb="7">
      <t>シセツ</t>
    </rPh>
    <rPh sb="7" eb="8">
      <t>ヒョウ</t>
    </rPh>
    <phoneticPr fontId="3"/>
  </si>
  <si>
    <t>様式１病院施設票(32)(42)(52)</t>
    <rPh sb="0" eb="2">
      <t>ヨウシキ</t>
    </rPh>
    <rPh sb="3" eb="5">
      <t>ビョウイン</t>
    </rPh>
    <rPh sb="5" eb="7">
      <t>シセツ</t>
    </rPh>
    <rPh sb="7" eb="8">
      <t>ヒョウ</t>
    </rPh>
    <phoneticPr fontId="3"/>
  </si>
  <si>
    <t>様式１病院施設票(33)(43)(53)</t>
    <rPh sb="0" eb="2">
      <t>ヨウシキ</t>
    </rPh>
    <rPh sb="3" eb="5">
      <t>ビョウイン</t>
    </rPh>
    <rPh sb="5" eb="7">
      <t>シセツ</t>
    </rPh>
    <rPh sb="7" eb="8">
      <t>ヒョウ</t>
    </rPh>
    <phoneticPr fontId="3"/>
  </si>
  <si>
    <t>様式１病院施設票(34)(44)(54)</t>
    <rPh sb="0" eb="2">
      <t>ヨウシキ</t>
    </rPh>
    <rPh sb="3" eb="5">
      <t>ビョウイン</t>
    </rPh>
    <rPh sb="5" eb="7">
      <t>シセツ</t>
    </rPh>
    <rPh sb="7" eb="8">
      <t>ヒョウ</t>
    </rPh>
    <phoneticPr fontId="3"/>
  </si>
  <si>
    <t>様式１病院施設票(35)(45)(55)</t>
    <rPh sb="0" eb="2">
      <t>ヨウシキ</t>
    </rPh>
    <rPh sb="3" eb="5">
      <t>ビョウイン</t>
    </rPh>
    <rPh sb="5" eb="7">
      <t>シセツ</t>
    </rPh>
    <rPh sb="7" eb="8">
      <t>ヒョウ</t>
    </rPh>
    <phoneticPr fontId="3"/>
  </si>
  <si>
    <t>様式１病院施設票(95)</t>
    <rPh sb="0" eb="2">
      <t>ヨウシキ</t>
    </rPh>
    <rPh sb="3" eb="5">
      <t>ビョウイン</t>
    </rPh>
    <rPh sb="5" eb="7">
      <t>シセツ</t>
    </rPh>
    <rPh sb="7" eb="8">
      <t>ヒョウ</t>
    </rPh>
    <phoneticPr fontId="3"/>
  </si>
  <si>
    <t>様式１病院施設票(94)</t>
    <rPh sb="0" eb="2">
      <t>ヨウシキ</t>
    </rPh>
    <rPh sb="3" eb="5">
      <t>ビョウイン</t>
    </rPh>
    <rPh sb="5" eb="7">
      <t>シセツ</t>
    </rPh>
    <rPh sb="7" eb="8">
      <t>ヒョウ</t>
    </rPh>
    <phoneticPr fontId="3"/>
  </si>
  <si>
    <t>様式１病院施設票(93)</t>
    <rPh sb="0" eb="2">
      <t>ヨウシキ</t>
    </rPh>
    <rPh sb="3" eb="5">
      <t>ビョウイン</t>
    </rPh>
    <rPh sb="5" eb="7">
      <t>シセツ</t>
    </rPh>
    <rPh sb="7" eb="8">
      <t>ヒョウ</t>
    </rPh>
    <phoneticPr fontId="3"/>
  </si>
  <si>
    <t>様式１病院施設票(96)</t>
    <rPh sb="0" eb="2">
      <t>ヨウシキ</t>
    </rPh>
    <rPh sb="3" eb="5">
      <t>ビョウイン</t>
    </rPh>
    <rPh sb="5" eb="7">
      <t>シセツ</t>
    </rPh>
    <rPh sb="7" eb="8">
      <t>ヒョウ</t>
    </rPh>
    <phoneticPr fontId="3"/>
  </si>
  <si>
    <t>様式１病院施設票(97)</t>
    <rPh sb="0" eb="2">
      <t>ヨウシキ</t>
    </rPh>
    <rPh sb="3" eb="5">
      <t>ビョウイン</t>
    </rPh>
    <rPh sb="5" eb="7">
      <t>シセツ</t>
    </rPh>
    <rPh sb="7" eb="8">
      <t>ヒョウ</t>
    </rPh>
    <phoneticPr fontId="3"/>
  </si>
  <si>
    <t>様式１病院施設票(98)</t>
    <rPh sb="0" eb="2">
      <t>ヨウシキ</t>
    </rPh>
    <rPh sb="3" eb="5">
      <t>ビョウイン</t>
    </rPh>
    <rPh sb="5" eb="7">
      <t>シセツ</t>
    </rPh>
    <rPh sb="7" eb="8">
      <t>ヒョウ</t>
    </rPh>
    <phoneticPr fontId="3"/>
  </si>
  <si>
    <t>様式１病院施設票(99)</t>
    <rPh sb="0" eb="2">
      <t>ヨウシキ</t>
    </rPh>
    <rPh sb="3" eb="5">
      <t>ビョウイン</t>
    </rPh>
    <rPh sb="5" eb="7">
      <t>シセツ</t>
    </rPh>
    <rPh sb="7" eb="8">
      <t>ヒョウ</t>
    </rPh>
    <phoneticPr fontId="3"/>
  </si>
  <si>
    <t>様式１病院施設票(76)</t>
    <rPh sb="0" eb="2">
      <t>ヨウシキ</t>
    </rPh>
    <rPh sb="3" eb="5">
      <t>ビョウイン</t>
    </rPh>
    <rPh sb="5" eb="7">
      <t>シセツ</t>
    </rPh>
    <rPh sb="7" eb="8">
      <t>ヒョウ</t>
    </rPh>
    <phoneticPr fontId="3"/>
  </si>
  <si>
    <t>様式１病院施設票(77)</t>
    <rPh sb="0" eb="2">
      <t>ヨウシキ</t>
    </rPh>
    <rPh sb="3" eb="5">
      <t>ビョウイン</t>
    </rPh>
    <rPh sb="5" eb="7">
      <t>シセツ</t>
    </rPh>
    <rPh sb="7" eb="8">
      <t>ヒョウ</t>
    </rPh>
    <phoneticPr fontId="3"/>
  </si>
  <si>
    <t>様式１病院施設票(78)</t>
    <rPh sb="0" eb="2">
      <t>ヨウシキ</t>
    </rPh>
    <rPh sb="3" eb="5">
      <t>ビョウイン</t>
    </rPh>
    <rPh sb="5" eb="7">
      <t>シセツ</t>
    </rPh>
    <rPh sb="7" eb="8">
      <t>ヒョウ</t>
    </rPh>
    <phoneticPr fontId="3"/>
  </si>
  <si>
    <t>様式１病院施設票(79)</t>
    <rPh sb="0" eb="2">
      <t>ヨウシキ</t>
    </rPh>
    <rPh sb="3" eb="5">
      <t>ビョウイン</t>
    </rPh>
    <rPh sb="5" eb="7">
      <t>シセツ</t>
    </rPh>
    <rPh sb="7" eb="8">
      <t>ヒョウ</t>
    </rPh>
    <phoneticPr fontId="3"/>
  </si>
  <si>
    <t>様式１病院施設票(80)</t>
    <rPh sb="0" eb="2">
      <t>ヨウシキ</t>
    </rPh>
    <rPh sb="3" eb="5">
      <t>ビョウイン</t>
    </rPh>
    <rPh sb="5" eb="7">
      <t>シセツ</t>
    </rPh>
    <rPh sb="7" eb="8">
      <t>ヒョウ</t>
    </rPh>
    <phoneticPr fontId="3"/>
  </si>
  <si>
    <t>様式１病院施設票(81)</t>
    <rPh sb="0" eb="2">
      <t>ヨウシキ</t>
    </rPh>
    <rPh sb="3" eb="5">
      <t>ビョウイン</t>
    </rPh>
    <rPh sb="5" eb="7">
      <t>シセツ</t>
    </rPh>
    <rPh sb="7" eb="8">
      <t>ヒョウ</t>
    </rPh>
    <phoneticPr fontId="3"/>
  </si>
  <si>
    <t>様式１病院施設票(82)</t>
    <rPh sb="0" eb="2">
      <t>ヨウシキ</t>
    </rPh>
    <rPh sb="3" eb="5">
      <t>ビョウイン</t>
    </rPh>
    <rPh sb="5" eb="7">
      <t>シセツ</t>
    </rPh>
    <rPh sb="7" eb="8">
      <t>ヒョウ</t>
    </rPh>
    <phoneticPr fontId="3"/>
  </si>
  <si>
    <t>様式１病院施設票(83)</t>
    <rPh sb="0" eb="2">
      <t>ヨウシキ</t>
    </rPh>
    <rPh sb="3" eb="5">
      <t>ビョウイン</t>
    </rPh>
    <rPh sb="5" eb="7">
      <t>シセツ</t>
    </rPh>
    <rPh sb="7" eb="8">
      <t>ヒョウ</t>
    </rPh>
    <phoneticPr fontId="3"/>
  </si>
  <si>
    <t>様式１病院施設票(84)</t>
    <rPh sb="0" eb="2">
      <t>ヨウシキ</t>
    </rPh>
    <rPh sb="3" eb="5">
      <t>ビョウイン</t>
    </rPh>
    <rPh sb="5" eb="7">
      <t>シセツ</t>
    </rPh>
    <rPh sb="7" eb="8">
      <t>ヒョウ</t>
    </rPh>
    <phoneticPr fontId="3"/>
  </si>
  <si>
    <t>様式１病院施設票(85)</t>
    <rPh sb="0" eb="2">
      <t>ヨウシキ</t>
    </rPh>
    <rPh sb="3" eb="5">
      <t>ビョウイン</t>
    </rPh>
    <rPh sb="5" eb="7">
      <t>シセツ</t>
    </rPh>
    <rPh sb="7" eb="8">
      <t>ヒョウ</t>
    </rPh>
    <phoneticPr fontId="3"/>
  </si>
  <si>
    <t>様式１病院施設票(86)</t>
    <rPh sb="0" eb="2">
      <t>ヨウシキ</t>
    </rPh>
    <rPh sb="3" eb="5">
      <t>ビョウイン</t>
    </rPh>
    <rPh sb="5" eb="7">
      <t>シセツ</t>
    </rPh>
    <rPh sb="7" eb="8">
      <t>ヒョウ</t>
    </rPh>
    <phoneticPr fontId="3"/>
  </si>
  <si>
    <t>様式１病院施設票(87)</t>
    <rPh sb="0" eb="2">
      <t>ヨウシキ</t>
    </rPh>
    <rPh sb="3" eb="5">
      <t>ビョウイン</t>
    </rPh>
    <rPh sb="5" eb="7">
      <t>シセツ</t>
    </rPh>
    <rPh sb="7" eb="8">
      <t>ヒョウ</t>
    </rPh>
    <phoneticPr fontId="3"/>
  </si>
  <si>
    <t>様式１病院施設票(88)</t>
    <rPh sb="0" eb="2">
      <t>ヨウシキ</t>
    </rPh>
    <rPh sb="3" eb="5">
      <t>ビョウイン</t>
    </rPh>
    <rPh sb="5" eb="7">
      <t>シセツ</t>
    </rPh>
    <rPh sb="7" eb="8">
      <t>ヒョウ</t>
    </rPh>
    <phoneticPr fontId="3"/>
  </si>
  <si>
    <t>様式１病院施設票(89)</t>
    <rPh sb="0" eb="2">
      <t>ヨウシキ</t>
    </rPh>
    <rPh sb="3" eb="5">
      <t>ビョウイン</t>
    </rPh>
    <rPh sb="5" eb="7">
      <t>シセツ</t>
    </rPh>
    <rPh sb="7" eb="8">
      <t>ヒョウ</t>
    </rPh>
    <phoneticPr fontId="3"/>
  </si>
  <si>
    <t>様式１病院施設票(90)</t>
    <rPh sb="0" eb="2">
      <t>ヨウシキ</t>
    </rPh>
    <rPh sb="3" eb="5">
      <t>ビョウイン</t>
    </rPh>
    <rPh sb="5" eb="7">
      <t>シセツ</t>
    </rPh>
    <rPh sb="7" eb="8">
      <t>ヒョウ</t>
    </rPh>
    <phoneticPr fontId="3"/>
  </si>
  <si>
    <t>様式１病院施設票(91)</t>
    <rPh sb="0" eb="2">
      <t>ヨウシキ</t>
    </rPh>
    <rPh sb="3" eb="5">
      <t>ビョウイン</t>
    </rPh>
    <rPh sb="5" eb="7">
      <t>シセツ</t>
    </rPh>
    <rPh sb="7" eb="8">
      <t>ヒョウ</t>
    </rPh>
    <phoneticPr fontId="3"/>
  </si>
  <si>
    <t>様式１病院施設票(92)</t>
    <rPh sb="0" eb="2">
      <t>ヨウシキ</t>
    </rPh>
    <rPh sb="3" eb="5">
      <t>ビョウイン</t>
    </rPh>
    <rPh sb="5" eb="7">
      <t>シセツ</t>
    </rPh>
    <rPh sb="7" eb="8">
      <t>ヒョウ</t>
    </rPh>
    <phoneticPr fontId="3"/>
  </si>
  <si>
    <t>様式１病院病棟票(113)後</t>
    <rPh sb="0" eb="2">
      <t>ヨウシキ</t>
    </rPh>
    <rPh sb="3" eb="5">
      <t>ビョウイン</t>
    </rPh>
    <rPh sb="5" eb="7">
      <t>ビョウトウ</t>
    </rPh>
    <rPh sb="7" eb="8">
      <t>ヒョウ</t>
    </rPh>
    <rPh sb="13" eb="14">
      <t>アト</t>
    </rPh>
    <phoneticPr fontId="3"/>
  </si>
  <si>
    <t>様式１病院病棟票(44)</t>
    <rPh sb="0" eb="2">
      <t>ヨウシキ</t>
    </rPh>
    <rPh sb="3" eb="5">
      <t>ビョウイン</t>
    </rPh>
    <rPh sb="5" eb="7">
      <t>ビョウトウ</t>
    </rPh>
    <rPh sb="7" eb="8">
      <t>ヒョウ</t>
    </rPh>
    <phoneticPr fontId="3"/>
  </si>
  <si>
    <t>様式１病院病棟票(45)</t>
    <rPh sb="0" eb="2">
      <t>ヨウシキ</t>
    </rPh>
    <rPh sb="3" eb="5">
      <t>ビョウイン</t>
    </rPh>
    <rPh sb="5" eb="7">
      <t>ビョウトウ</t>
    </rPh>
    <rPh sb="7" eb="8">
      <t>ヒョウ</t>
    </rPh>
    <phoneticPr fontId="3"/>
  </si>
  <si>
    <t>様式１病院病棟票(47)</t>
    <rPh sb="0" eb="2">
      <t>ヨウシキ</t>
    </rPh>
    <rPh sb="3" eb="5">
      <t>ビョウイン</t>
    </rPh>
    <rPh sb="5" eb="7">
      <t>ビョウトウ</t>
    </rPh>
    <rPh sb="7" eb="8">
      <t>ヒョウ</t>
    </rPh>
    <phoneticPr fontId="3"/>
  </si>
  <si>
    <t>様式１病院病棟票(46)</t>
    <rPh sb="0" eb="2">
      <t>ヨウシキ</t>
    </rPh>
    <rPh sb="3" eb="5">
      <t>ビョウイン</t>
    </rPh>
    <rPh sb="5" eb="7">
      <t>ビョウトウ</t>
    </rPh>
    <rPh sb="7" eb="8">
      <t>ヒョウ</t>
    </rPh>
    <phoneticPr fontId="3"/>
  </si>
  <si>
    <t>様式１病院病棟票(48)</t>
    <rPh sb="0" eb="2">
      <t>ヨウシキ</t>
    </rPh>
    <rPh sb="3" eb="5">
      <t>ビョウイン</t>
    </rPh>
    <rPh sb="5" eb="7">
      <t>ビョウトウ</t>
    </rPh>
    <rPh sb="7" eb="8">
      <t>ヒョウ</t>
    </rPh>
    <phoneticPr fontId="3"/>
  </si>
  <si>
    <t>様式１病院病棟票(49)</t>
    <rPh sb="0" eb="2">
      <t>ヨウシキ</t>
    </rPh>
    <rPh sb="3" eb="5">
      <t>ビョウイン</t>
    </rPh>
    <rPh sb="5" eb="7">
      <t>ビョウトウ</t>
    </rPh>
    <rPh sb="7" eb="8">
      <t>ヒョウ</t>
    </rPh>
    <phoneticPr fontId="3"/>
  </si>
  <si>
    <t>様式１病院病棟票(50)</t>
    <rPh sb="0" eb="2">
      <t>ヨウシキ</t>
    </rPh>
    <rPh sb="3" eb="5">
      <t>ビョウイン</t>
    </rPh>
    <rPh sb="5" eb="7">
      <t>ビョウトウ</t>
    </rPh>
    <rPh sb="7" eb="8">
      <t>ヒョウ</t>
    </rPh>
    <phoneticPr fontId="3"/>
  </si>
  <si>
    <t>様式１病院病棟票(51)</t>
    <rPh sb="0" eb="2">
      <t>ヨウシキ</t>
    </rPh>
    <rPh sb="3" eb="5">
      <t>ビョウイン</t>
    </rPh>
    <rPh sb="5" eb="7">
      <t>ビョウトウ</t>
    </rPh>
    <rPh sb="7" eb="8">
      <t>ヒョウ</t>
    </rPh>
    <phoneticPr fontId="3"/>
  </si>
  <si>
    <t>様式１病院病棟票(52)</t>
    <rPh sb="0" eb="2">
      <t>ヨウシキ</t>
    </rPh>
    <rPh sb="3" eb="5">
      <t>ビョウイン</t>
    </rPh>
    <rPh sb="5" eb="7">
      <t>ビョウトウ</t>
    </rPh>
    <rPh sb="7" eb="8">
      <t>ヒョウ</t>
    </rPh>
    <phoneticPr fontId="3"/>
  </si>
  <si>
    <t>様式１病院病棟票(53)</t>
    <rPh sb="0" eb="2">
      <t>ヨウシキ</t>
    </rPh>
    <rPh sb="3" eb="5">
      <t>ビョウイン</t>
    </rPh>
    <rPh sb="5" eb="7">
      <t>ビョウトウ</t>
    </rPh>
    <rPh sb="7" eb="8">
      <t>ヒョウ</t>
    </rPh>
    <phoneticPr fontId="3"/>
  </si>
  <si>
    <t>様式１病院病棟票(54)</t>
    <rPh sb="0" eb="2">
      <t>ヨウシキ</t>
    </rPh>
    <rPh sb="3" eb="5">
      <t>ビョウイン</t>
    </rPh>
    <rPh sb="5" eb="7">
      <t>ビョウトウ</t>
    </rPh>
    <rPh sb="7" eb="8">
      <t>ヒョウ</t>
    </rPh>
    <phoneticPr fontId="3"/>
  </si>
  <si>
    <t>様式１病院病棟票(55)</t>
    <rPh sb="0" eb="2">
      <t>ヨウシキ</t>
    </rPh>
    <rPh sb="3" eb="5">
      <t>ビョウイン</t>
    </rPh>
    <rPh sb="5" eb="7">
      <t>ビョウトウ</t>
    </rPh>
    <rPh sb="7" eb="8">
      <t>ヒョウ</t>
    </rPh>
    <phoneticPr fontId="3"/>
  </si>
  <si>
    <t>様式１病院病棟票(56)</t>
    <rPh sb="0" eb="2">
      <t>ヨウシキ</t>
    </rPh>
    <rPh sb="3" eb="5">
      <t>ビョウイン</t>
    </rPh>
    <rPh sb="5" eb="7">
      <t>ビョウトウ</t>
    </rPh>
    <rPh sb="7" eb="8">
      <t>ヒョウ</t>
    </rPh>
    <phoneticPr fontId="3"/>
  </si>
  <si>
    <t>様式１病院病棟票(57)</t>
    <rPh sb="0" eb="2">
      <t>ヨウシキ</t>
    </rPh>
    <rPh sb="3" eb="5">
      <t>ビョウイン</t>
    </rPh>
    <rPh sb="5" eb="7">
      <t>ビョウトウ</t>
    </rPh>
    <rPh sb="7" eb="8">
      <t>ヒョウ</t>
    </rPh>
    <phoneticPr fontId="3"/>
  </si>
  <si>
    <t>様式１病院病棟票(58)</t>
    <rPh sb="0" eb="2">
      <t>ヨウシキ</t>
    </rPh>
    <rPh sb="3" eb="5">
      <t>ビョウイン</t>
    </rPh>
    <rPh sb="5" eb="7">
      <t>ビョウトウ</t>
    </rPh>
    <rPh sb="7" eb="8">
      <t>ヒョウ</t>
    </rPh>
    <phoneticPr fontId="3"/>
  </si>
  <si>
    <t>様式１病院病棟票(59)</t>
    <rPh sb="0" eb="2">
      <t>ヨウシキ</t>
    </rPh>
    <rPh sb="3" eb="5">
      <t>ビョウイン</t>
    </rPh>
    <rPh sb="5" eb="7">
      <t>ビョウトウ</t>
    </rPh>
    <rPh sb="7" eb="8">
      <t>ヒョウ</t>
    </rPh>
    <phoneticPr fontId="3"/>
  </si>
  <si>
    <t>様式１病院病棟票(60)</t>
    <rPh sb="0" eb="2">
      <t>ヨウシキ</t>
    </rPh>
    <rPh sb="3" eb="5">
      <t>ビョウイン</t>
    </rPh>
    <rPh sb="5" eb="7">
      <t>ビョウトウ</t>
    </rPh>
    <rPh sb="7" eb="8">
      <t>ヒョウ</t>
    </rPh>
    <phoneticPr fontId="3"/>
  </si>
  <si>
    <t>様式１病院病棟票(61)</t>
    <rPh sb="0" eb="2">
      <t>ヨウシキ</t>
    </rPh>
    <rPh sb="3" eb="5">
      <t>ビョウイン</t>
    </rPh>
    <rPh sb="5" eb="7">
      <t>ビョウトウ</t>
    </rPh>
    <rPh sb="7" eb="8">
      <t>ヒョウ</t>
    </rPh>
    <phoneticPr fontId="3"/>
  </si>
  <si>
    <t>様式１病院病棟票(62)</t>
    <rPh sb="0" eb="2">
      <t>ヨウシキ</t>
    </rPh>
    <rPh sb="3" eb="5">
      <t>ビョウイン</t>
    </rPh>
    <rPh sb="5" eb="7">
      <t>ビョウトウ</t>
    </rPh>
    <rPh sb="7" eb="8">
      <t>ヒョウ</t>
    </rPh>
    <phoneticPr fontId="3"/>
  </si>
  <si>
    <t>様式１病院病棟票(63)</t>
    <rPh sb="0" eb="2">
      <t>ヨウシキ</t>
    </rPh>
    <rPh sb="3" eb="5">
      <t>ビョウイン</t>
    </rPh>
    <rPh sb="5" eb="7">
      <t>ビョウトウ</t>
    </rPh>
    <rPh sb="7" eb="8">
      <t>ヒョウ</t>
    </rPh>
    <phoneticPr fontId="3"/>
  </si>
  <si>
    <t>様式１病院病棟票(64)</t>
    <rPh sb="0" eb="2">
      <t>ヨウシキ</t>
    </rPh>
    <rPh sb="3" eb="5">
      <t>ビョウイン</t>
    </rPh>
    <rPh sb="5" eb="7">
      <t>ビョウトウ</t>
    </rPh>
    <rPh sb="7" eb="8">
      <t>ヒョウ</t>
    </rPh>
    <phoneticPr fontId="3"/>
  </si>
  <si>
    <t>様式１病院病棟票(65)</t>
    <rPh sb="0" eb="2">
      <t>ヨウシキ</t>
    </rPh>
    <rPh sb="3" eb="5">
      <t>ビョウイン</t>
    </rPh>
    <rPh sb="5" eb="7">
      <t>ビョウトウ</t>
    </rPh>
    <rPh sb="7" eb="8">
      <t>ヒョウ</t>
    </rPh>
    <phoneticPr fontId="3"/>
  </si>
  <si>
    <t>様式１病院病棟票(66)</t>
    <rPh sb="0" eb="2">
      <t>ヨウシキ</t>
    </rPh>
    <rPh sb="3" eb="5">
      <t>ビョウイン</t>
    </rPh>
    <rPh sb="5" eb="7">
      <t>ビョウトウ</t>
    </rPh>
    <rPh sb="7" eb="8">
      <t>ヒョウ</t>
    </rPh>
    <phoneticPr fontId="3"/>
  </si>
  <si>
    <t>様式１病院病棟票(67)</t>
    <rPh sb="0" eb="2">
      <t>ヨウシキ</t>
    </rPh>
    <rPh sb="3" eb="5">
      <t>ビョウイン</t>
    </rPh>
    <rPh sb="5" eb="7">
      <t>ビョウトウ</t>
    </rPh>
    <rPh sb="7" eb="8">
      <t>ヒョウ</t>
    </rPh>
    <phoneticPr fontId="3"/>
  </si>
  <si>
    <t>様式１病院病棟票(68)</t>
    <rPh sb="0" eb="2">
      <t>ヨウシキ</t>
    </rPh>
    <rPh sb="3" eb="5">
      <t>ビョウイン</t>
    </rPh>
    <rPh sb="5" eb="7">
      <t>ビョウトウ</t>
    </rPh>
    <rPh sb="7" eb="8">
      <t>ヒョウ</t>
    </rPh>
    <phoneticPr fontId="3"/>
  </si>
  <si>
    <t>様式１病院病棟票(70)</t>
    <rPh sb="0" eb="2">
      <t>ヨウシキ</t>
    </rPh>
    <rPh sb="3" eb="5">
      <t>ビョウイン</t>
    </rPh>
    <rPh sb="5" eb="7">
      <t>ビョウトウ</t>
    </rPh>
    <rPh sb="7" eb="8">
      <t>ヒョウ</t>
    </rPh>
    <phoneticPr fontId="3"/>
  </si>
  <si>
    <t>様式１病院病棟票(71)</t>
    <rPh sb="0" eb="2">
      <t>ヨウシキ</t>
    </rPh>
    <rPh sb="3" eb="5">
      <t>ビョウイン</t>
    </rPh>
    <rPh sb="5" eb="7">
      <t>ビョウトウ</t>
    </rPh>
    <rPh sb="7" eb="8">
      <t>ヒョウ</t>
    </rPh>
    <phoneticPr fontId="3"/>
  </si>
  <si>
    <t>様式１病院病棟票(69)</t>
    <rPh sb="0" eb="2">
      <t>ヨウシキ</t>
    </rPh>
    <rPh sb="3" eb="5">
      <t>ビョウイン</t>
    </rPh>
    <rPh sb="5" eb="7">
      <t>ビョウトウ</t>
    </rPh>
    <rPh sb="7" eb="8">
      <t>ヒョウ</t>
    </rPh>
    <phoneticPr fontId="3"/>
  </si>
  <si>
    <t>様式１病院病棟票(72)</t>
    <rPh sb="0" eb="2">
      <t>ヨウシキ</t>
    </rPh>
    <rPh sb="3" eb="5">
      <t>ビョウイン</t>
    </rPh>
    <rPh sb="5" eb="7">
      <t>ビョウトウ</t>
    </rPh>
    <rPh sb="7" eb="8">
      <t>ヒョウ</t>
    </rPh>
    <phoneticPr fontId="3"/>
  </si>
  <si>
    <t>様式１病院施設票(62)</t>
    <rPh sb="0" eb="2">
      <t>ヨウシキ</t>
    </rPh>
    <rPh sb="3" eb="5">
      <t>ビョウイン</t>
    </rPh>
    <rPh sb="5" eb="7">
      <t>シセツ</t>
    </rPh>
    <rPh sb="7" eb="8">
      <t>ヒョウ</t>
    </rPh>
    <phoneticPr fontId="3"/>
  </si>
  <si>
    <t>様式１病院施設票(63)</t>
    <rPh sb="0" eb="2">
      <t>ヨウシキ</t>
    </rPh>
    <rPh sb="3" eb="5">
      <t>ビョウイン</t>
    </rPh>
    <rPh sb="5" eb="7">
      <t>シセツ</t>
    </rPh>
    <rPh sb="7" eb="8">
      <t>ヒョウ</t>
    </rPh>
    <phoneticPr fontId="3"/>
  </si>
  <si>
    <t>様式１病院施設票(64)</t>
    <rPh sb="0" eb="2">
      <t>ヨウシキ</t>
    </rPh>
    <rPh sb="3" eb="5">
      <t>ビョウイン</t>
    </rPh>
    <rPh sb="5" eb="7">
      <t>シセツ</t>
    </rPh>
    <rPh sb="7" eb="8">
      <t>ヒョウ</t>
    </rPh>
    <phoneticPr fontId="3"/>
  </si>
  <si>
    <t>様式１病院施設票(65)</t>
    <rPh sb="0" eb="2">
      <t>ヨウシキ</t>
    </rPh>
    <rPh sb="3" eb="5">
      <t>ビョウイン</t>
    </rPh>
    <rPh sb="5" eb="7">
      <t>シセツ</t>
    </rPh>
    <rPh sb="7" eb="8">
      <t>ヒョウ</t>
    </rPh>
    <phoneticPr fontId="3"/>
  </si>
  <si>
    <t>様式１病院施設票(66)</t>
    <rPh sb="0" eb="2">
      <t>ヨウシキ</t>
    </rPh>
    <rPh sb="3" eb="5">
      <t>ビョウイン</t>
    </rPh>
    <rPh sb="5" eb="7">
      <t>シセツ</t>
    </rPh>
    <rPh sb="7" eb="8">
      <t>ヒョウ</t>
    </rPh>
    <phoneticPr fontId="3"/>
  </si>
  <si>
    <t>様式１病院施設票(67)</t>
    <rPh sb="0" eb="2">
      <t>ヨウシキ</t>
    </rPh>
    <rPh sb="3" eb="5">
      <t>ビョウイン</t>
    </rPh>
    <rPh sb="5" eb="7">
      <t>シセツ</t>
    </rPh>
    <rPh sb="7" eb="8">
      <t>ヒョウ</t>
    </rPh>
    <phoneticPr fontId="3"/>
  </si>
  <si>
    <t>様式2病棟票(167)</t>
    <rPh sb="0" eb="2">
      <t>ヨウシキ</t>
    </rPh>
    <rPh sb="3" eb="5">
      <t>ビョウトウ</t>
    </rPh>
    <rPh sb="5" eb="6">
      <t>ヒョウ</t>
    </rPh>
    <phoneticPr fontId="3"/>
  </si>
  <si>
    <t>様式2病棟票(168)</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4)</t>
    <rPh sb="0" eb="2">
      <t>ヨウシキ</t>
    </rPh>
    <rPh sb="3" eb="5">
      <t>ビョウトウ</t>
    </rPh>
    <rPh sb="5" eb="6">
      <t>ヒョウ</t>
    </rPh>
    <phoneticPr fontId="3"/>
  </si>
  <si>
    <t>様式2病棟票(231)</t>
    <rPh sb="0" eb="2">
      <t>ヨウシキ</t>
    </rPh>
    <rPh sb="3" eb="5">
      <t>ビョウトウ</t>
    </rPh>
    <rPh sb="5" eb="6">
      <t>ヒョウ</t>
    </rPh>
    <phoneticPr fontId="3"/>
  </si>
  <si>
    <t>様式2病棟票(235)</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1病棟票(112)</t>
    <rPh sb="0" eb="2">
      <t>ヨウシキ</t>
    </rPh>
    <rPh sb="3" eb="5">
      <t>ビョウトウ</t>
    </rPh>
    <rPh sb="5" eb="6">
      <t>ヒョウ</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B14」又は「B15」に該当する患者であって、Ａ得点１点以上かつB得点３点以上の患者割合</t>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早期リハビリテーション加算（リハビリテーション料）</t>
    <phoneticPr fontId="10"/>
  </si>
  <si>
    <t>心大血管疾患リハビリテーション料</t>
    <phoneticPr fontId="10"/>
  </si>
  <si>
    <t>脳血管疾患等リハビリテーション料</t>
    <phoneticPr fontId="10"/>
  </si>
  <si>
    <t>廃用症候群リハビリテーション料</t>
    <rPh sb="0" eb="1">
      <t>ハイ</t>
    </rPh>
    <rPh sb="1" eb="2">
      <t>ヨウ</t>
    </rPh>
    <rPh sb="2" eb="5">
      <t>ショウコウグン</t>
    </rPh>
    <phoneticPr fontId="10"/>
  </si>
  <si>
    <t>運動器リハビリテーション料</t>
    <phoneticPr fontId="10"/>
  </si>
  <si>
    <t>呼吸器リハビリテーション料</t>
    <phoneticPr fontId="10"/>
  </si>
  <si>
    <t>障害児（者）リハビリテーション料</t>
    <phoneticPr fontId="10"/>
  </si>
  <si>
    <t>がん患者リハビリテーション料</t>
    <phoneticPr fontId="10"/>
  </si>
  <si>
    <t>認知症患者リハビリテーション料</t>
    <phoneticPr fontId="10"/>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入院時訪問指導加算（リハビリテーション総合計画評価料）</t>
    <phoneticPr fontId="10"/>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様式2病棟票(416)</t>
    <rPh sb="0" eb="2">
      <t>ヨウシキ</t>
    </rPh>
    <rPh sb="3" eb="5">
      <t>ビョウトウ</t>
    </rPh>
    <rPh sb="5" eb="6">
      <t>ヒョウ</t>
    </rPh>
    <phoneticPr fontId="3"/>
  </si>
  <si>
    <t>様式2病棟票(415)</t>
    <rPh sb="0" eb="2">
      <t>ヨウシキ</t>
    </rPh>
    <rPh sb="3" eb="5">
      <t>ビョウトウ</t>
    </rPh>
    <rPh sb="5" eb="6">
      <t>ヒョウ</t>
    </rPh>
    <phoneticPr fontId="3"/>
  </si>
  <si>
    <t>褥瘡対策加算（療養病棟入院基本料、有床診療所療養病床入院基本料）</t>
    <rPh sb="2" eb="4">
      <t>タイサク</t>
    </rPh>
    <phoneticPr fontId="10"/>
  </si>
  <si>
    <t>様式2病棟票(412)</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無回答等</t>
    <phoneticPr fontId="10"/>
  </si>
  <si>
    <t>様式2病棟票(176)</t>
    <rPh sb="0" eb="2">
      <t>ヨウシキ</t>
    </rPh>
    <rPh sb="3" eb="5">
      <t>ビョウトウ</t>
    </rPh>
    <rPh sb="5" eb="6">
      <t>ヒョウ</t>
    </rPh>
    <phoneticPr fontId="3"/>
  </si>
  <si>
    <t>様式2病棟票(304)</t>
    <rPh sb="0" eb="2">
      <t>ヨウシキ</t>
    </rPh>
    <rPh sb="3" eb="5">
      <t>ビョウトウ</t>
    </rPh>
    <rPh sb="5" eb="6">
      <t>ヒョウ</t>
    </rPh>
    <phoneticPr fontId="3"/>
  </si>
  <si>
    <t>小児加算（入退院支援加算１・２の算定患者が15歳未満の場合）</t>
    <phoneticPr fontId="3"/>
  </si>
  <si>
    <t>入院時支援加算</t>
    <phoneticPr fontId="3"/>
  </si>
  <si>
    <t>早期離床・リハビリテーション加算（特定集中治療室管理料）</t>
    <phoneticPr fontId="3"/>
  </si>
  <si>
    <t>メニューへ戻る</t>
    <rPh sb="5" eb="6">
      <t>モド</t>
    </rPh>
    <phoneticPr fontId="3"/>
  </si>
  <si>
    <t>・入院患者の状況（年間／入棟前の場所・退棟先の場所の状況）</t>
    <phoneticPr fontId="10"/>
  </si>
  <si>
    <t>・手術の状況</t>
    <phoneticPr fontId="10"/>
  </si>
  <si>
    <t>・重症患者への対応状況</t>
    <phoneticPr fontId="10"/>
  </si>
  <si>
    <t>・急性期後の支援、在宅復帰の支援の状況</t>
    <phoneticPr fontId="10"/>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0"/>
  </si>
  <si>
    <t>様式１病院病棟票(4)</t>
    <rPh sb="0" eb="2">
      <t>ヨウシキ</t>
    </rPh>
    <rPh sb="3" eb="5">
      <t>ビョウイン</t>
    </rPh>
    <rPh sb="5" eb="7">
      <t>ビョウトウ</t>
    </rPh>
    <rPh sb="7" eb="8">
      <t>ヒョウ</t>
    </rPh>
    <phoneticPr fontId="3"/>
  </si>
  <si>
    <t>変更予定年月</t>
    <rPh sb="0" eb="2">
      <t>ヘンコウ</t>
    </rPh>
    <rPh sb="2" eb="4">
      <t>ヨテイ</t>
    </rPh>
    <rPh sb="4" eb="6">
      <t>ネンゲツ</t>
    </rPh>
    <phoneticPr fontId="10"/>
  </si>
  <si>
    <t>様式2病棟票(431)直後</t>
    <rPh sb="0" eb="2">
      <t>ヨウシキ</t>
    </rPh>
    <rPh sb="3" eb="5">
      <t>ビョウトウ</t>
    </rPh>
    <rPh sb="5" eb="6">
      <t>ヒョウ</t>
    </rPh>
    <rPh sb="11" eb="13">
      <t>チョクゴ</t>
    </rPh>
    <phoneticPr fontId="3"/>
  </si>
  <si>
    <t>地域包括ケア入院医療管理料１</t>
    <phoneticPr fontId="3"/>
  </si>
  <si>
    <t>脳卒中ケアユニット入院医療管理料</t>
    <phoneticPr fontId="3"/>
  </si>
  <si>
    <t>うち介護施設・福祉施設からの入院</t>
    <rPh sb="2" eb="4">
      <t>カイゴ</t>
    </rPh>
    <rPh sb="4" eb="6">
      <t>シセツ</t>
    </rPh>
    <rPh sb="7" eb="9">
      <t>フクシ</t>
    </rPh>
    <rPh sb="9" eb="11">
      <t>シセツ</t>
    </rPh>
    <rPh sb="14" eb="16">
      <t>ニュウイン</t>
    </rPh>
    <phoneticPr fontId="10"/>
  </si>
  <si>
    <t>うち介護医療院からの入院</t>
    <rPh sb="2" eb="4">
      <t>カイゴ</t>
    </rPh>
    <rPh sb="4" eb="6">
      <t>イリョウ</t>
    </rPh>
    <rPh sb="6" eb="7">
      <t>イン</t>
    </rPh>
    <rPh sb="10" eb="12">
      <t>ニュウイン</t>
    </rPh>
    <phoneticPr fontId="10"/>
  </si>
  <si>
    <t>頭蓋内圧持続測定（３時間を超えた場合）</t>
    <rPh sb="0" eb="3">
      <t>ズガイナイ</t>
    </rPh>
    <rPh sb="3" eb="4">
      <t>アツ</t>
    </rPh>
    <rPh sb="4" eb="6">
      <t>ジゾク</t>
    </rPh>
    <rPh sb="6" eb="8">
      <t>ソクテイ</t>
    </rPh>
    <phoneticPr fontId="10"/>
  </si>
  <si>
    <t>A得点２点以上かつB得点３点以上の患者割合</t>
    <rPh sb="1" eb="3">
      <t>トクテン</t>
    </rPh>
    <rPh sb="4" eb="7">
      <t>テンイジョウ</t>
    </rPh>
    <rPh sb="10" eb="12">
      <t>トクテン</t>
    </rPh>
    <rPh sb="13" eb="16">
      <t>テンイジョウ</t>
    </rPh>
    <rPh sb="17" eb="19">
      <t>カンジャ</t>
    </rPh>
    <rPh sb="19" eb="21">
      <t>ワリアイ</t>
    </rPh>
    <phoneticPr fontId="10"/>
  </si>
  <si>
    <t>「Ａ得点２点以上かつＢ得点３点以上」または「Ａ得点３点以上」または「Ｃ得点１点以上」または「「B14」又は「B15」に該当する患者であって、Ａ得点１点以上かつB得点３点以上」の患者割合</t>
    <phoneticPr fontId="10"/>
  </si>
  <si>
    <t>休日に受診した患者延べ数（年間）</t>
    <rPh sb="0" eb="2">
      <t>キュウジツ</t>
    </rPh>
    <rPh sb="3" eb="5">
      <t>ジュシン</t>
    </rPh>
    <rPh sb="7" eb="9">
      <t>カンジャ</t>
    </rPh>
    <rPh sb="9" eb="10">
      <t>ノ</t>
    </rPh>
    <rPh sb="11" eb="12">
      <t>スウ</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入退院支援加算１</t>
    <rPh sb="0" eb="1">
      <t>ニュウ</t>
    </rPh>
    <phoneticPr fontId="10"/>
  </si>
  <si>
    <t>入退院支援加算２</t>
    <rPh sb="0" eb="1">
      <t>ニュウ</t>
    </rPh>
    <phoneticPr fontId="10"/>
  </si>
  <si>
    <t>介護支援等連携指導料</t>
    <rPh sb="4" eb="5">
      <t>トウ</t>
    </rPh>
    <phoneticPr fontId="10"/>
  </si>
  <si>
    <t>急性期患者支援（療養）病床初期加算及び在宅患者支援（療養）病床初期加算</t>
    <phoneticPr fontId="3"/>
  </si>
  <si>
    <t>経管栄養・薬剤投与用カテーテル交換法</t>
    <rPh sb="0" eb="1">
      <t>キョウ</t>
    </rPh>
    <rPh sb="1" eb="2">
      <t>カン</t>
    </rPh>
    <rPh sb="2" eb="4">
      <t>エイヨウ</t>
    </rPh>
    <rPh sb="5" eb="7">
      <t>ヤクザイ</t>
    </rPh>
    <rPh sb="7" eb="9">
      <t>トウヨ</t>
    </rPh>
    <rPh sb="9" eb="10">
      <t>ヨウ</t>
    </rPh>
    <rPh sb="15" eb="18">
      <t>コウカンホウ</t>
    </rPh>
    <phoneticPr fontId="10"/>
  </si>
  <si>
    <t>休日リハビリテーション提供体制加算（回復期リハビリテーション病棟入院料）</t>
    <phoneticPr fontId="10"/>
  </si>
  <si>
    <t>うち退院時の日常生活機能評価が、入院時に比較して３点以上（※）改善していた患者数
※回復期リハビリテーション病棟入院料１又は２の場合は４点以上</t>
    <rPh sb="2" eb="3">
      <t>タイ</t>
    </rPh>
    <rPh sb="3" eb="4">
      <t>イン</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64" eb="66">
      <t>バアイ</t>
    </rPh>
    <rPh sb="68" eb="69">
      <t>テン</t>
    </rPh>
    <rPh sb="69" eb="71">
      <t>イジョウ</t>
    </rPh>
    <phoneticPr fontId="10"/>
  </si>
  <si>
    <t>超重症児（者）入院診療加算・準超重症児（者）入院診療加算</t>
    <phoneticPr fontId="10"/>
  </si>
  <si>
    <t>周術期等口腔機能管理料（Ⅱ）</t>
    <rPh sb="3" eb="4">
      <t>トウ</t>
    </rPh>
    <phoneticPr fontId="10"/>
  </si>
  <si>
    <t>周術期等口腔機能管理料（Ⅲ）</t>
    <rPh sb="3" eb="4">
      <t>トウ</t>
    </rPh>
    <phoneticPr fontId="10"/>
  </si>
  <si>
    <t>高度急性期機能または急性期機能として行なった医療行為</t>
    <phoneticPr fontId="3"/>
  </si>
  <si>
    <t>病床の機能区分＼病棟名</t>
    <rPh sb="0" eb="2">
      <t>ビョウショウ</t>
    </rPh>
    <rPh sb="3" eb="5">
      <t>キノウ</t>
    </rPh>
    <rPh sb="5" eb="7">
      <t>クブン</t>
    </rPh>
    <rPh sb="8" eb="10">
      <t>ビョウトウ</t>
    </rPh>
    <rPh sb="10" eb="11">
      <t>メイ</t>
    </rPh>
    <phoneticPr fontId="10"/>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10"/>
  </si>
  <si>
    <t>病床の機能区分＼病棟名</t>
    <rPh sb="0" eb="2">
      <t>ビョウショウ</t>
    </rPh>
    <rPh sb="3" eb="5">
      <t>キノウ</t>
    </rPh>
    <rPh sb="5" eb="7">
      <t>クブン</t>
    </rPh>
    <phoneticPr fontId="10"/>
  </si>
  <si>
    <t>移行予定先の区分＼病棟名</t>
    <rPh sb="0" eb="2">
      <t>イコウ</t>
    </rPh>
    <rPh sb="2" eb="4">
      <t>ヨテイ</t>
    </rPh>
    <rPh sb="4" eb="5">
      <t>サキ</t>
    </rPh>
    <rPh sb="6" eb="8">
      <t>クブン</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10"/>
  </si>
  <si>
    <t>「急性期一般入院基本料」、「地域一般入院料１」、「専門病院入院基本料」、「特定機能病院入院基本料」、「脳卒中ケアユニット入院医療管理料」、「特定一般病棟入院料（注７以外）」、「看護必要度加算」、「一般病棟看護必要度評価加算」、「急性期看護補助体制加算」、「看護職員夜間配置加算」、「看護補助加算１」の届出を行っている場合における、一般病棟用の重症度、医療・看護必要度の基準を満たす患者の割合</t>
    <rPh sb="165" eb="167">
      <t>イッパン</t>
    </rPh>
    <rPh sb="167" eb="169">
      <t>ビョウトウ</t>
    </rPh>
    <rPh sb="169" eb="170">
      <t>ヨウ</t>
    </rPh>
    <rPh sb="171" eb="173">
      <t>ジュウショウ</t>
    </rPh>
    <rPh sb="173" eb="174">
      <t>ド</t>
    </rPh>
    <rPh sb="175" eb="177">
      <t>イリョウ</t>
    </rPh>
    <rPh sb="178" eb="180">
      <t>カンゴ</t>
    </rPh>
    <rPh sb="180" eb="183">
      <t>ヒツヨウド</t>
    </rPh>
    <rPh sb="184" eb="186">
      <t>キジュン</t>
    </rPh>
    <rPh sb="187" eb="188">
      <t>ミ</t>
    </rPh>
    <rPh sb="190" eb="192">
      <t>カンジャ</t>
    </rPh>
    <rPh sb="193" eb="195">
      <t>ワリアイ</t>
    </rPh>
    <phoneticPr fontId="10"/>
  </si>
  <si>
    <t>「地域包括ケア病棟入院料」、「地域包括ケア入院医療管理料」、「特定一般病棟入院料の注７」の届出を行っている場合における、一般病棟用の重症度、医療・看護必要度の基準を満たす患者の割合</t>
    <rPh sb="60" eb="62">
      <t>イッパン</t>
    </rPh>
    <rPh sb="62" eb="64">
      <t>ビョウトウ</t>
    </rPh>
    <rPh sb="64" eb="65">
      <t>ヨウ</t>
    </rPh>
    <rPh sb="66" eb="68">
      <t>ジュウショウ</t>
    </rPh>
    <rPh sb="68" eb="69">
      <t>ド</t>
    </rPh>
    <rPh sb="70" eb="72">
      <t>イリョウ</t>
    </rPh>
    <rPh sb="73" eb="75">
      <t>カンゴ</t>
    </rPh>
    <rPh sb="75" eb="78">
      <t>ヒツヨウド</t>
    </rPh>
    <rPh sb="79" eb="81">
      <t>キジュン</t>
    </rPh>
    <rPh sb="82" eb="83">
      <t>ミ</t>
    </rPh>
    <rPh sb="85" eb="87">
      <t>カンジャ</t>
    </rPh>
    <rPh sb="88" eb="90">
      <t>ワリアイ</t>
    </rPh>
    <phoneticPr fontId="10"/>
  </si>
  <si>
    <t>地域連携診療計画加算（入退院支援加算）</t>
    <phoneticPr fontId="10"/>
  </si>
  <si>
    <t>観血的動脈圧測定（１時間を超えた場合）</t>
    <rPh sb="13" eb="14">
      <t>コ</t>
    </rPh>
    <phoneticPr fontId="10"/>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地域連携診療計画加算は、入院時支援加算又は退院支援加算１・２における入退院支援を行う際に、他院や介護サービス事業者等に診療情報を文書により提供していることを示す項目です。値は、診療情報を文書により提供した患者数です。
</t>
    <rPh sb="19" eb="20">
      <t>マタ</t>
    </rPh>
    <phoneticPr fontId="10"/>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がん患者指導管理料イ及びロ</t>
    <rPh sb="2" eb="4">
      <t>カンジャ</t>
    </rPh>
    <rPh sb="4" eb="6">
      <t>シドウ</t>
    </rPh>
    <rPh sb="6" eb="9">
      <t>カンリリョウ</t>
    </rPh>
    <rPh sb="10" eb="11">
      <t>オヨ</t>
    </rPh>
    <phoneticPr fontId="10"/>
  </si>
  <si>
    <t>入退院支援加算は、患者が安心・納得して退院し、早期に住み慣れた地域で療養や生活を継続できるように、施設間の連携を推進したうえで支援を実施していることを示す項目です。値は入退院支援を行った患者数です。</t>
    <phoneticPr fontId="10"/>
  </si>
  <si>
    <t>入院時支援加算は、入院中に行われる治療の説明、入院生活に関するオリエンテーション等を、入院前の外来において実施し、支援を行っていることを示す項目です。値は入院時支援を行った患者数です。</t>
    <rPh sb="0" eb="2">
      <t>ニュウイン</t>
    </rPh>
    <rPh sb="2" eb="3">
      <t>ジ</t>
    </rPh>
    <rPh sb="3" eb="5">
      <t>シエン</t>
    </rPh>
    <rPh sb="5" eb="7">
      <t>カサン</t>
    </rPh>
    <rPh sb="9" eb="12">
      <t>ニュウインチュウ</t>
    </rPh>
    <rPh sb="13" eb="14">
      <t>オコナ</t>
    </rPh>
    <rPh sb="17" eb="19">
      <t>チリョウ</t>
    </rPh>
    <rPh sb="20" eb="22">
      <t>セツメイ</t>
    </rPh>
    <rPh sb="23" eb="25">
      <t>ニュウイン</t>
    </rPh>
    <rPh sb="25" eb="27">
      <t>セイカツ</t>
    </rPh>
    <rPh sb="28" eb="29">
      <t>カン</t>
    </rPh>
    <rPh sb="40" eb="41">
      <t>ナド</t>
    </rPh>
    <rPh sb="43" eb="45">
      <t>ニュウイン</t>
    </rPh>
    <rPh sb="45" eb="46">
      <t>マエ</t>
    </rPh>
    <rPh sb="47" eb="49">
      <t>ガイライ</t>
    </rPh>
    <rPh sb="53" eb="55">
      <t>ジッシ</t>
    </rPh>
    <rPh sb="57" eb="59">
      <t>シエン</t>
    </rPh>
    <rPh sb="60" eb="61">
      <t>オコナ</t>
    </rPh>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建築時期</t>
    <rPh sb="0" eb="2">
      <t>ケンチク</t>
    </rPh>
    <rPh sb="2" eb="4">
      <t>ジキ</t>
    </rPh>
    <phoneticPr fontId="3"/>
  </si>
  <si>
    <t>構造</t>
    <rPh sb="0" eb="2">
      <t>コウゾウ</t>
    </rPh>
    <phoneticPr fontId="10"/>
  </si>
  <si>
    <t>建物情報＼病棟名</t>
    <rPh sb="0" eb="2">
      <t>タテモノ</t>
    </rPh>
    <rPh sb="2" eb="4">
      <t>ジョウホウ</t>
    </rPh>
    <rPh sb="5" eb="7">
      <t>ビョウトウ</t>
    </rPh>
    <rPh sb="7" eb="8">
      <t>メイ</t>
    </rPh>
    <phoneticPr fontId="10"/>
  </si>
  <si>
    <t>病棟の建築時期と構造</t>
    <rPh sb="0" eb="2">
      <t>ビョウトウ</t>
    </rPh>
    <rPh sb="3" eb="5">
      <t>ケンチク</t>
    </rPh>
    <rPh sb="5" eb="7">
      <t>ジキ</t>
    </rPh>
    <rPh sb="8" eb="10">
      <t>コウゾウ</t>
    </rPh>
    <phoneticPr fontId="10"/>
  </si>
  <si>
    <t>設置主体（2019（令和元）年7月1日時点）</t>
    <rPh sb="0" eb="2">
      <t>セッチ</t>
    </rPh>
    <rPh sb="2" eb="4">
      <t>シュタイ</t>
    </rPh>
    <phoneticPr fontId="10"/>
  </si>
  <si>
    <t xml:space="preserve">病棟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rPh sb="24" eb="26">
      <t>ヘイセイ</t>
    </rPh>
    <rPh sb="34" eb="36">
      <t>レイワ</t>
    </rPh>
    <rPh sb="36" eb="37">
      <t>モト</t>
    </rPh>
    <rPh sb="89" eb="91">
      <t>レイワ</t>
    </rPh>
    <rPh sb="91" eb="92">
      <t>モト</t>
    </rPh>
    <phoneticPr fontId="10"/>
  </si>
  <si>
    <t xml:space="preserve">１年間の入院患者の状況は、平成30年7月から令和元年6月までに入院、退院した患者数を示す項目です。
</t>
    <rPh sb="13" eb="15">
      <t>ヘイセイ</t>
    </rPh>
    <rPh sb="22" eb="24">
      <t>レイワ</t>
    </rPh>
    <rPh sb="24" eb="25">
      <t>モト</t>
    </rPh>
    <phoneticPr fontId="10"/>
  </si>
  <si>
    <t xml:space="preserve">年間の入院患者の状況は、平成30年７月１日～令和元年６月30日の１年間に入院を受け入れた患者の入院前の場所、退院した患者の退院先の場所を示す項目です。
</t>
    <rPh sb="0" eb="1">
      <t>ネン</t>
    </rPh>
    <rPh sb="12" eb="14">
      <t>ヘイセイ</t>
    </rPh>
    <rPh sb="22" eb="24">
      <t>レイワ</t>
    </rPh>
    <rPh sb="24" eb="25">
      <t>モト</t>
    </rPh>
    <phoneticPr fontId="10"/>
  </si>
  <si>
    <t>一般病棟用の重症度、医療・看護必要度を測定することが算定の要件となっている入院基本料（注加算含む）・特定入院料・入院基本料等加算の届出を行っている場合、項目ごとに令和元年６月の１か月間の在棟患者延べ数について「一般病棟用の重症度、医療・看護必要度に係る評価票Ⅰ」、「一般病棟用の重症度、医療・看護必要度に係る評価票Ⅱ」を用いて評価を行います。</t>
  </si>
  <si>
    <t>回復期リハビリテーション病棟を退棟した回復期リハビリテーションを要する状態の患者数【令和元年１月１日～６月30日の６か月間】</t>
    <rPh sb="0" eb="2">
      <t>カイフク</t>
    </rPh>
    <rPh sb="2" eb="3">
      <t>キ</t>
    </rPh>
    <rPh sb="12" eb="14">
      <t>ビョウトウ</t>
    </rPh>
    <rPh sb="15" eb="16">
      <t>タイ</t>
    </rPh>
    <rPh sb="16" eb="17">
      <t>トウ</t>
    </rPh>
    <rPh sb="19" eb="21">
      <t>カイフク</t>
    </rPh>
    <rPh sb="21" eb="22">
      <t>キ</t>
    </rPh>
    <rPh sb="32" eb="33">
      <t>ヨウ</t>
    </rPh>
    <rPh sb="35" eb="37">
      <t>ジョウタイ</t>
    </rPh>
    <rPh sb="38" eb="41">
      <t>カンジャスウ</t>
    </rPh>
    <rPh sb="45" eb="46">
      <t>ネン</t>
    </rPh>
    <rPh sb="47" eb="48">
      <t>ガツ</t>
    </rPh>
    <rPh sb="49" eb="50">
      <t>ニチ</t>
    </rPh>
    <rPh sb="52" eb="53">
      <t>ガツ</t>
    </rPh>
    <rPh sb="55" eb="56">
      <t>ニチ</t>
    </rPh>
    <rPh sb="59" eb="60">
      <t>ゲツ</t>
    </rPh>
    <rPh sb="60" eb="61">
      <t>カン</t>
    </rPh>
    <phoneticPr fontId="10"/>
  </si>
  <si>
    <t xml:space="preserve">回復期リハビリテーション病棟を退棟した回復期リハビリテーションを要する状態の患者数、実績指数等は、令和元年1月から6月までの６か月間に退棟した回復期リハビリテーションを要する状態の患者数と、回復期リハビリテーションの実績指数です。
</t>
  </si>
  <si>
    <t>うちリハビリテーション実績指数の計算対象とした患者数【令和元年１月１日～６月30日の６か月間】</t>
    <rPh sb="11" eb="13">
      <t>ジッセキ</t>
    </rPh>
    <rPh sb="13" eb="15">
      <t>シスウ</t>
    </rPh>
    <rPh sb="16" eb="18">
      <t>ケイサン</t>
    </rPh>
    <rPh sb="18" eb="20">
      <t>タイショウ</t>
    </rPh>
    <rPh sb="23" eb="26">
      <t>カンジャスウ</t>
    </rPh>
    <phoneticPr fontId="10"/>
  </si>
  <si>
    <t>リハビリテーション実績指数【令和元年１月１日～６月30日の６か月間】</t>
    <rPh sb="9" eb="11">
      <t>ジッセキ</t>
    </rPh>
    <rPh sb="11" eb="13">
      <t>シスウ</t>
    </rPh>
    <phoneticPr fontId="10"/>
  </si>
  <si>
    <t>保有する病棟と機能区分の選択状況（2019（令和元）年7月1日時点の機能）</t>
    <rPh sb="0" eb="2">
      <t>ホユウ</t>
    </rPh>
    <rPh sb="4" eb="6">
      <t>ビョウトウ</t>
    </rPh>
    <rPh sb="7" eb="9">
      <t>キノウ</t>
    </rPh>
    <rPh sb="9" eb="11">
      <t>クブン</t>
    </rPh>
    <rPh sb="12" eb="14">
      <t>センタク</t>
    </rPh>
    <rPh sb="14" eb="16">
      <t>ジョウキョウ</t>
    </rPh>
    <phoneticPr fontId="10"/>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医療法人社団耕雲堂小林病院</t>
    <phoneticPr fontId="3"/>
  </si>
  <si>
    <t>〒693-0001 島根県出雲市今市町510</t>
    <phoneticPr fontId="3"/>
  </si>
  <si>
    <t>〇</t>
  </si>
  <si>
    <t>医療法人</t>
  </si>
  <si>
    <t>内科</t>
  </si>
  <si>
    <t>療養病棟入院料１</t>
  </si>
  <si>
    <t>ＤＰＣ病院ではない</t>
  </si>
  <si>
    <t>-</t>
    <phoneticPr fontId="3"/>
  </si>
  <si>
    <t>療養病棟入院基本料1</t>
  </si>
  <si>
    <t>慢性期機能</t>
  </si>
  <si>
    <t>慢性期機能</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3">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点&quot;"/>
    <numFmt numFmtId="187" formatCode="#,##0.0&quot;点&quot;"/>
    <numFmt numFmtId="188" formatCode="0&quot;年&quot;"/>
  </numFmts>
  <fonts count="39"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6"/>
      <color theme="1"/>
      <name val="ＭＳ Ｐゴシック"/>
      <family val="3"/>
      <charset val="128"/>
      <scheme val="minor"/>
    </font>
    <font>
      <b/>
      <sz val="13"/>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sz val="9"/>
      <color theme="1"/>
      <name val="ＭＳ Ｐゴシック"/>
      <family val="3"/>
      <charset val="128"/>
      <scheme val="minor"/>
    </font>
    <font>
      <i/>
      <sz val="11"/>
      <color theme="1"/>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2"/>
      <name val="ＭＳ Ｐゴシック"/>
      <family val="3"/>
      <charset val="128"/>
    </font>
    <font>
      <b/>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11">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446">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0" fontId="8" fillId="2" borderId="0" xfId="1" applyFont="1" applyFill="1" applyBorder="1">
      <alignment vertical="center"/>
    </xf>
    <xf numFmtId="0" fontId="7" fillId="2" borderId="0" xfId="1" applyFont="1" applyFill="1" applyBorder="1" applyAlignment="1">
      <alignment vertical="center"/>
    </xf>
    <xf numFmtId="0" fontId="5"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49" fontId="13" fillId="2" borderId="5" xfId="1" applyNumberFormat="1" applyFont="1" applyFill="1" applyBorder="1" applyAlignment="1">
      <alignment horizontal="center" vertical="center" wrapText="1"/>
    </xf>
    <xf numFmtId="0" fontId="14" fillId="2" borderId="0" xfId="1" applyFont="1" applyFill="1" applyBorder="1" applyAlignment="1">
      <alignment horizontal="left" vertical="center"/>
    </xf>
    <xf numFmtId="49" fontId="13" fillId="2" borderId="1" xfId="1" applyNumberFormat="1" applyFont="1" applyFill="1" applyBorder="1" applyAlignment="1">
      <alignment horizontal="center" vertical="center" wrapText="1"/>
    </xf>
    <xf numFmtId="49" fontId="1" fillId="2" borderId="1" xfId="1" applyNumberFormat="1" applyFont="1" applyFill="1" applyBorder="1" applyAlignment="1">
      <alignment horizontal="center" vertical="center" wrapText="1"/>
    </xf>
    <xf numFmtId="49" fontId="1"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0" fontId="15"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lignment vertical="center"/>
    </xf>
    <xf numFmtId="0" fontId="2" fillId="0" borderId="0" xfId="1" applyFont="1" applyFill="1" applyAlignment="1">
      <alignment horizontal="left" vertical="center" wrapText="1"/>
    </xf>
    <xf numFmtId="0" fontId="15" fillId="2" borderId="0" xfId="1" applyFont="1" applyFill="1" applyBorder="1" applyAlignment="1">
      <alignment horizontal="center" vertical="center"/>
    </xf>
    <xf numFmtId="0" fontId="8" fillId="2" borderId="0" xfId="1" applyFont="1" applyFill="1" applyAlignment="1">
      <alignment vertical="center"/>
    </xf>
    <xf numFmtId="0" fontId="16" fillId="2" borderId="0" xfId="1" applyFont="1" applyFill="1" applyBorder="1">
      <alignment vertical="center"/>
    </xf>
    <xf numFmtId="0" fontId="18" fillId="2" borderId="0" xfId="1" applyFont="1" applyFill="1" applyAlignment="1">
      <alignment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3" applyNumberFormat="1" applyFont="1" applyFill="1" applyBorder="1" applyAlignment="1">
      <alignment vertical="center"/>
    </xf>
    <xf numFmtId="0" fontId="8" fillId="0" borderId="0" xfId="0" applyFont="1" applyBorder="1" applyAlignment="1">
      <alignment vertical="center"/>
    </xf>
    <xf numFmtId="0" fontId="8" fillId="2" borderId="0" xfId="1" applyFont="1" applyFill="1" applyBorder="1" applyAlignment="1">
      <alignment horizontal="left" vertical="center"/>
    </xf>
    <xf numFmtId="0" fontId="8" fillId="0" borderId="0" xfId="0" applyNumberFormat="1" applyFont="1" applyBorder="1" applyAlignment="1">
      <alignment horizontal="center" vertical="center"/>
    </xf>
    <xf numFmtId="0" fontId="8" fillId="2" borderId="0" xfId="1" applyFont="1" applyFill="1" applyBorder="1" applyAlignment="1">
      <alignment horizontal="left" vertical="center" wrapText="1"/>
    </xf>
    <xf numFmtId="0" fontId="17" fillId="2" borderId="0" xfId="2" applyFill="1">
      <alignment vertical="center"/>
    </xf>
    <xf numFmtId="0" fontId="21" fillId="2" borderId="0" xfId="2" applyFont="1" applyFill="1">
      <alignment vertical="center"/>
    </xf>
    <xf numFmtId="0" fontId="18"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7" fillId="2" borderId="0" xfId="2" applyFill="1" applyAlignment="1">
      <alignment vertical="center"/>
    </xf>
    <xf numFmtId="0" fontId="21" fillId="2" borderId="0" xfId="2" applyFont="1" applyFill="1">
      <alignment vertical="center"/>
    </xf>
    <xf numFmtId="0" fontId="17" fillId="2" borderId="0" xfId="2" applyFill="1" applyAlignment="1">
      <alignment horizontal="left" vertical="center"/>
    </xf>
    <xf numFmtId="0" fontId="18" fillId="2" borderId="0" xfId="1" applyNumberFormat="1" applyFont="1" applyFill="1" applyAlignment="1">
      <alignment horizontal="center" vertical="center"/>
    </xf>
    <xf numFmtId="0" fontId="22"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2"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 fillId="6" borderId="4" xfId="1" applyFont="1" applyFill="1" applyBorder="1" applyAlignment="1">
      <alignment horizontal="center" vertical="center"/>
    </xf>
    <xf numFmtId="0" fontId="22" fillId="2" borderId="0" xfId="1" applyFont="1" applyFill="1" applyBorder="1" applyAlignment="1">
      <alignment vertical="center"/>
    </xf>
    <xf numFmtId="0" fontId="23"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176" fontId="1" fillId="2" borderId="2" xfId="1" applyNumberFormat="1" applyFont="1" applyFill="1" applyBorder="1" applyAlignment="1">
      <alignment horizontal="right" vertical="center" shrinkToFi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24" fillId="2" borderId="1" xfId="1" applyNumberFormat="1" applyFont="1" applyFill="1" applyBorder="1" applyAlignment="1">
      <alignment horizontal="left" vertical="center" wrapTex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3" borderId="5" xfId="1" applyNumberFormat="1" applyFont="1" applyFill="1" applyBorder="1" applyAlignment="1">
      <alignment horizontal="center"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4" fillId="4" borderId="7" xfId="1" applyFont="1" applyFill="1" applyBorder="1" applyAlignment="1">
      <alignment horizontal="left" vertical="center" wrapText="1"/>
    </xf>
    <xf numFmtId="0" fontId="4" fillId="4" borderId="0" xfId="1" applyFont="1" applyFill="1" applyBorder="1" applyAlignment="1">
      <alignment horizontal="left"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3" fillId="5" borderId="1" xfId="1" applyFont="1" applyFill="1" applyBorder="1" applyAlignment="1">
      <alignment horizontal="left" vertical="top" wrapText="1"/>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25" fillId="2" borderId="0" xfId="1" applyFont="1" applyFill="1" applyBorder="1" applyAlignment="1">
      <alignment horizontal="right" vertical="center"/>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6" borderId="4"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8"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14"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1" fillId="6" borderId="10" xfId="1" applyFont="1" applyFill="1" applyBorder="1" applyAlignment="1">
      <alignment horizontal="right" vertical="center" shrinkToFit="1"/>
    </xf>
    <xf numFmtId="0" fontId="4" fillId="5" borderId="11" xfId="1" applyFont="1" applyFill="1" applyBorder="1" applyAlignment="1">
      <alignment horizontal="left" vertical="top" wrapTex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3"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2"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5"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1" fillId="6" borderId="8" xfId="1" applyFont="1" applyFill="1" applyBorder="1" applyAlignment="1">
      <alignment horizontal="center" vertical="center" shrinkToFit="1"/>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1" fillId="6" borderId="0" xfId="1" applyFont="1" applyFill="1" applyBorder="1" applyAlignment="1">
      <alignment horizontal="center" vertical="center" shrinkToFit="1"/>
    </xf>
    <xf numFmtId="0" fontId="1" fillId="6" borderId="14"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1" fillId="6" borderId="10" xfId="1" applyFont="1" applyFill="1" applyBorder="1" applyAlignment="1">
      <alignment horizontal="center" vertical="center" shrinkToFit="1"/>
    </xf>
    <xf numFmtId="0" fontId="4" fillId="2" borderId="0" xfId="1" applyFont="1" applyFill="1" applyBorder="1" applyAlignment="1">
      <alignment horizontal="center" vertical="center" wrapText="1"/>
    </xf>
    <xf numFmtId="181" fontId="1" fillId="2" borderId="2" xfId="1" applyNumberFormat="1" applyFont="1" applyFill="1" applyBorder="1" applyAlignment="1">
      <alignment horizontal="right" vertical="center" shrinkToFit="1"/>
    </xf>
    <xf numFmtId="0" fontId="17" fillId="0" borderId="0" xfId="2" applyAlignment="1">
      <alignment horizontal="right" vertical="center"/>
    </xf>
    <xf numFmtId="0" fontId="26"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182" fontId="15" fillId="2" borderId="11" xfId="1" applyNumberFormat="1" applyFont="1" applyFill="1" applyBorder="1" applyAlignment="1">
      <alignment horizontal="center" vertical="center" shrinkToFit="1"/>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3" fontId="15" fillId="2" borderId="15" xfId="1" applyNumberFormat="1" applyFont="1" applyFill="1" applyBorder="1" applyAlignment="1">
      <alignment horizontal="center" vertical="center" shrinkToFit="1"/>
    </xf>
    <xf numFmtId="179" fontId="15" fillId="2" borderId="15" xfId="1" applyNumberFormat="1" applyFont="1" applyFill="1" applyBorder="1" applyAlignment="1">
      <alignment horizontal="center" vertical="center" shrinkToFit="1"/>
    </xf>
    <xf numFmtId="182" fontId="15"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3" fontId="15" fillId="2" borderId="5" xfId="1" applyNumberFormat="1" applyFont="1" applyFill="1" applyBorder="1" applyAlignment="1">
      <alignment horizontal="center" vertical="center" shrinkToFit="1"/>
    </xf>
    <xf numFmtId="0" fontId="22"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7" fillId="2" borderId="0" xfId="1" applyFont="1" applyFill="1" applyAlignment="1">
      <alignment vertical="center"/>
    </xf>
    <xf numFmtId="0" fontId="0" fillId="2" borderId="6" xfId="0" applyFill="1" applyBorder="1">
      <alignment vertical="center"/>
    </xf>
    <xf numFmtId="0" fontId="0" fillId="2" borderId="0" xfId="0" applyFill="1">
      <alignment vertical="center"/>
    </xf>
    <xf numFmtId="177" fontId="1" fillId="2" borderId="4" xfId="1" applyNumberFormat="1" applyFont="1" applyFill="1" applyBorder="1" applyAlignment="1">
      <alignment horizontal="center" vertical="center" shrinkToFit="1"/>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2" borderId="0" xfId="1" applyFont="1" applyFill="1" applyBorder="1" applyAlignment="1">
      <alignment vertical="center" wrapText="1" shrinkToFit="1"/>
    </xf>
    <xf numFmtId="177" fontId="1" fillId="0" borderId="2" xfId="1" applyNumberFormat="1" applyFont="1" applyFill="1" applyBorder="1" applyAlignment="1">
      <alignment horizontal="right" vertical="center" shrinkToFit="1"/>
    </xf>
    <xf numFmtId="0" fontId="4" fillId="2" borderId="0" xfId="1" applyFont="1" applyFill="1" applyBorder="1" applyAlignment="1">
      <alignment horizontal="left" vertical="center"/>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4"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4" fillId="4" borderId="10" xfId="1" applyFont="1" applyFill="1" applyBorder="1" applyAlignment="1">
      <alignment horizontal="left" vertical="center" wrapText="1"/>
    </xf>
    <xf numFmtId="0" fontId="28" fillId="5" borderId="2" xfId="0" applyFont="1" applyFill="1" applyBorder="1" applyAlignment="1">
      <alignment horizontal="left" vertical="top" wrapText="1"/>
    </xf>
    <xf numFmtId="0" fontId="1" fillId="3" borderId="8" xfId="1" applyFont="1" applyFill="1" applyBorder="1" applyAlignment="1">
      <alignment horizontal="center" vertical="center" shrinkToFit="1"/>
    </xf>
    <xf numFmtId="0" fontId="1" fillId="3" borderId="10" xfId="1" applyFont="1" applyFill="1" applyBorder="1" applyAlignment="1">
      <alignment horizontal="center" vertical="center" shrinkToFit="1"/>
    </xf>
    <xf numFmtId="0" fontId="4" fillId="4" borderId="0" xfId="1" applyFont="1" applyFill="1" applyBorder="1" applyAlignment="1">
      <alignment vertical="center"/>
    </xf>
    <xf numFmtId="0" fontId="4" fillId="4" borderId="6" xfId="1" applyFont="1" applyFill="1" applyBorder="1" applyAlignment="1">
      <alignment vertical="center"/>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4" fontId="1" fillId="2" borderId="1" xfId="1" applyNumberFormat="1" applyFont="1" applyFill="1" applyBorder="1" applyAlignment="1">
      <alignment horizontal="center" vertical="center" wrapText="1"/>
    </xf>
    <xf numFmtId="185" fontId="1" fillId="2" borderId="1" xfId="1" applyNumberFormat="1" applyFont="1" applyFill="1" applyBorder="1" applyAlignment="1">
      <alignment horizontal="right" vertical="center" shrinkToFit="1"/>
    </xf>
    <xf numFmtId="0" fontId="13" fillId="4" borderId="7" xfId="1" applyFont="1" applyFill="1" applyBorder="1" applyAlignment="1">
      <alignment vertical="center"/>
    </xf>
    <xf numFmtId="0" fontId="13" fillId="4" borderId="0" xfId="1" applyFont="1" applyFill="1" applyBorder="1" applyAlignment="1">
      <alignment vertical="center"/>
    </xf>
    <xf numFmtId="0" fontId="13" fillId="4" borderId="9" xfId="1" applyFont="1" applyFill="1" applyBorder="1" applyAlignment="1">
      <alignment vertical="center"/>
    </xf>
    <xf numFmtId="0" fontId="13" fillId="4" borderId="6" xfId="1" applyFont="1" applyFill="1" applyBorder="1" applyAlignment="1">
      <alignment vertical="center" wrapText="1"/>
    </xf>
    <xf numFmtId="186" fontId="1" fillId="2" borderId="1" xfId="1" applyNumberFormat="1" applyFont="1" applyFill="1" applyBorder="1" applyAlignment="1">
      <alignment horizontal="right" vertical="center" shrinkToFit="1"/>
    </xf>
    <xf numFmtId="0" fontId="2" fillId="8" borderId="0" xfId="1" applyFont="1" applyFill="1" applyBorder="1">
      <alignment vertical="center"/>
    </xf>
    <xf numFmtId="0" fontId="8" fillId="8" borderId="0" xfId="1" applyFont="1" applyFill="1" applyBorder="1" applyAlignment="1">
      <alignment vertical="center"/>
    </xf>
    <xf numFmtId="0" fontId="2" fillId="8" borderId="0" xfId="1" applyFont="1" applyFill="1" applyAlignment="1">
      <alignment horizontal="center" vertical="center"/>
    </xf>
    <xf numFmtId="0" fontId="2" fillId="8" borderId="0" xfId="1" applyFont="1" applyFill="1">
      <alignment vertical="center"/>
    </xf>
    <xf numFmtId="0" fontId="26" fillId="2" borderId="0" xfId="1" applyFont="1" applyFill="1" applyBorder="1" applyAlignment="1">
      <alignment vertical="center"/>
    </xf>
    <xf numFmtId="0" fontId="30" fillId="2" borderId="4" xfId="1" applyNumberFormat="1" applyFont="1" applyFill="1" applyBorder="1" applyAlignment="1">
      <alignment horizontal="center" vertical="center" shrinkToFit="1"/>
    </xf>
    <xf numFmtId="49" fontId="31" fillId="2" borderId="0" xfId="1" applyNumberFormat="1" applyFont="1" applyFill="1" applyBorder="1" applyAlignment="1">
      <alignment vertical="center"/>
    </xf>
    <xf numFmtId="0" fontId="31" fillId="2" borderId="0" xfId="1" applyFont="1" applyFill="1" applyBorder="1" applyAlignment="1">
      <alignment vertical="center"/>
    </xf>
    <xf numFmtId="0" fontId="32" fillId="2" borderId="0" xfId="1" applyFont="1" applyFill="1" applyAlignment="1">
      <alignment vertical="center"/>
    </xf>
    <xf numFmtId="0" fontId="33"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10" borderId="0" xfId="1" applyFont="1" applyFill="1" applyBorder="1">
      <alignment vertical="center"/>
    </xf>
    <xf numFmtId="0" fontId="5" fillId="0" borderId="0" xfId="1" applyFont="1" applyFill="1" applyBorder="1" applyAlignment="1">
      <alignment vertical="center"/>
    </xf>
    <xf numFmtId="0" fontId="4" fillId="9" borderId="0" xfId="1" applyFont="1" applyFill="1" applyBorder="1">
      <alignment vertical="center"/>
    </xf>
    <xf numFmtId="0" fontId="19" fillId="0" borderId="0" xfId="1" applyFont="1" applyFill="1" applyBorder="1">
      <alignment vertical="center"/>
    </xf>
    <xf numFmtId="0" fontId="19" fillId="10" borderId="0" xfId="1" applyFont="1" applyFill="1" applyBorder="1">
      <alignment vertical="center"/>
    </xf>
    <xf numFmtId="0" fontId="4" fillId="10" borderId="0" xfId="1" applyFont="1" applyFill="1" applyBorder="1" applyAlignment="1">
      <alignment vertical="center" wrapText="1"/>
    </xf>
    <xf numFmtId="0" fontId="19" fillId="10" borderId="0" xfId="1" applyFont="1" applyFill="1" applyBorder="1" applyAlignment="1">
      <alignment vertical="center" wrapText="1"/>
    </xf>
    <xf numFmtId="0" fontId="13" fillId="10" borderId="0" xfId="1" applyFont="1" applyFill="1" applyBorder="1" applyAlignment="1">
      <alignment vertical="center" wrapText="1"/>
    </xf>
    <xf numFmtId="0" fontId="13" fillId="9"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5" fillId="2" borderId="2" xfId="1" applyNumberFormat="1" applyFont="1" applyFill="1" applyBorder="1" applyAlignment="1">
      <alignment horizontal="right" vertical="center" shrinkToFit="1"/>
    </xf>
    <xf numFmtId="0" fontId="34" fillId="2" borderId="1" xfId="1" applyNumberFormat="1" applyFont="1" applyFill="1" applyBorder="1" applyAlignment="1">
      <alignment horizontal="left" vertical="center" wrapText="1"/>
    </xf>
    <xf numFmtId="176" fontId="15"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5" fillId="2" borderId="2" xfId="1" applyNumberFormat="1" applyFont="1" applyFill="1" applyBorder="1" applyAlignment="1">
      <alignment horizontal="center" vertical="center" wrapText="1"/>
    </xf>
    <xf numFmtId="49" fontId="15" fillId="2" borderId="1" xfId="1" applyNumberFormat="1" applyFont="1" applyFill="1" applyBorder="1" applyAlignment="1">
      <alignment horizontal="center" vertical="center" wrapText="1"/>
    </xf>
    <xf numFmtId="49" fontId="15" fillId="3" borderId="1" xfId="1" applyNumberFormat="1" applyFont="1" applyFill="1" applyBorder="1" applyAlignment="1">
      <alignment horizontal="center" vertical="center" wrapText="1"/>
    </xf>
    <xf numFmtId="177" fontId="15" fillId="2" borderId="2" xfId="1" applyNumberFormat="1" applyFont="1" applyFill="1" applyBorder="1" applyAlignment="1">
      <alignment horizontal="right" vertical="center" shrinkToFit="1"/>
    </xf>
    <xf numFmtId="0" fontId="15" fillId="2" borderId="4" xfId="1" applyNumberFormat="1" applyFont="1" applyFill="1" applyBorder="1" applyAlignment="1">
      <alignment horizontal="center" vertical="center" shrinkToFit="1"/>
    </xf>
    <xf numFmtId="0" fontId="1" fillId="6" borderId="2" xfId="1" applyFont="1" applyFill="1" applyBorder="1" applyAlignment="1">
      <alignment horizontal="right" vertical="center" shrinkToFit="1"/>
    </xf>
    <xf numFmtId="179" fontId="15" fillId="2" borderId="2" xfId="1" applyNumberFormat="1" applyFont="1" applyFill="1" applyBorder="1" applyAlignment="1">
      <alignment horizontal="right" vertical="center" shrinkToFit="1"/>
    </xf>
    <xf numFmtId="180" fontId="15"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5" fillId="2" borderId="2" xfId="1" applyNumberFormat="1" applyFont="1" applyFill="1" applyBorder="1" applyAlignment="1">
      <alignment horizontal="right" vertical="center" shrinkToFit="1"/>
    </xf>
    <xf numFmtId="0" fontId="36" fillId="2" borderId="0" xfId="1" applyFont="1" applyFill="1" applyBorder="1">
      <alignment vertical="center"/>
    </xf>
    <xf numFmtId="0" fontId="26" fillId="2" borderId="0" xfId="1" applyFont="1" applyFill="1" applyBorder="1">
      <alignment vertical="center"/>
    </xf>
    <xf numFmtId="0" fontId="37" fillId="2" borderId="0" xfId="1" applyFont="1" applyFill="1" applyAlignment="1">
      <alignment horizontal="left" vertical="center"/>
    </xf>
    <xf numFmtId="0" fontId="37"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3" fillId="10" borderId="0" xfId="1" applyFont="1" applyFill="1" applyBorder="1">
      <alignment vertical="center"/>
    </xf>
    <xf numFmtId="0" fontId="38" fillId="0" borderId="0" xfId="1" applyFont="1" applyFill="1" applyBorder="1">
      <alignment vertical="center"/>
    </xf>
    <xf numFmtId="0" fontId="13"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21" fillId="2" borderId="0" xfId="2" applyFont="1" applyFill="1">
      <alignment vertical="center"/>
    </xf>
    <xf numFmtId="0" fontId="4" fillId="5" borderId="11" xfId="1" applyFont="1" applyFill="1" applyBorder="1" applyAlignment="1">
      <alignment horizontal="left" vertical="top" wrapText="1"/>
    </xf>
    <xf numFmtId="0" fontId="13" fillId="4" borderId="9" xfId="1" applyFont="1" applyFill="1" applyBorder="1" applyAlignment="1">
      <alignment vertical="center" wrapText="1"/>
    </xf>
    <xf numFmtId="0" fontId="13"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3" fillId="4" borderId="9" xfId="1" applyFont="1" applyFill="1" applyBorder="1" applyAlignment="1">
      <alignment horizontal="left" vertical="center" wrapText="1"/>
    </xf>
    <xf numFmtId="0" fontId="13" fillId="4" borderId="10" xfId="1" applyFont="1" applyFill="1" applyBorder="1" applyAlignment="1">
      <alignment horizontal="left" vertical="center" wrapText="1"/>
    </xf>
    <xf numFmtId="0" fontId="13"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3"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7" fillId="2" borderId="0" xfId="2" applyFill="1" applyAlignment="1">
      <alignment horizontal="left" vertical="center"/>
    </xf>
    <xf numFmtId="0" fontId="13" fillId="5" borderId="9" xfId="1" applyFont="1" applyFill="1" applyBorder="1" applyAlignment="1">
      <alignment vertical="top" wrapText="1"/>
    </xf>
    <xf numFmtId="185"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7" fillId="0" borderId="0" xfId="2">
      <alignment vertical="center"/>
    </xf>
    <xf numFmtId="0" fontId="35" fillId="0" borderId="0" xfId="0" applyFont="1">
      <alignment vertical="center"/>
    </xf>
    <xf numFmtId="0" fontId="4" fillId="3" borderId="1" xfId="1" applyFont="1" applyFill="1" applyBorder="1" applyAlignment="1">
      <alignment horizontal="center" vertical="center"/>
    </xf>
    <xf numFmtId="187" fontId="1" fillId="2" borderId="1" xfId="1" applyNumberFormat="1" applyFont="1" applyFill="1" applyBorder="1" applyAlignment="1">
      <alignment horizontal="center" vertical="center" wrapText="1"/>
    </xf>
    <xf numFmtId="188" fontId="15" fillId="2" borderId="15" xfId="1" applyNumberFormat="1" applyFont="1" applyFill="1" applyBorder="1" applyAlignment="1">
      <alignment horizontal="center" vertical="center" shrinkToFit="1"/>
    </xf>
    <xf numFmtId="188" fontId="15" fillId="2" borderId="11" xfId="1" applyNumberFormat="1" applyFont="1" applyFill="1" applyBorder="1" applyAlignment="1">
      <alignment horizontal="center" vertical="center" shrinkToFit="1"/>
    </xf>
    <xf numFmtId="0" fontId="4" fillId="4" borderId="2" xfId="1" applyFont="1" applyFill="1" applyBorder="1" applyAlignment="1">
      <alignment horizontal="left" vertical="center"/>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13" fillId="4" borderId="2" xfId="1" applyFont="1" applyFill="1" applyBorder="1" applyAlignment="1">
      <alignment horizontal="center" vertical="center"/>
    </xf>
    <xf numFmtId="0" fontId="13" fillId="4" borderId="3" xfId="1" applyFont="1" applyFill="1" applyBorder="1" applyAlignment="1">
      <alignment horizontal="center" vertical="center"/>
    </xf>
    <xf numFmtId="0" fontId="13" fillId="4" borderId="4" xfId="1" applyFont="1" applyFill="1" applyBorder="1" applyAlignment="1">
      <alignment horizontal="center" vertical="center"/>
    </xf>
    <xf numFmtId="0" fontId="13" fillId="4" borderId="1" xfId="1" applyFont="1" applyFill="1" applyBorder="1" applyAlignment="1">
      <alignment horizontal="center" vertical="center"/>
    </xf>
    <xf numFmtId="0" fontId="4" fillId="4" borderId="1" xfId="1" applyFont="1" applyFill="1" applyBorder="1" applyAlignment="1">
      <alignment vertical="center" wrapText="1"/>
    </xf>
    <xf numFmtId="0" fontId="13" fillId="3" borderId="12" xfId="1" applyFont="1" applyFill="1" applyBorder="1" applyAlignment="1">
      <alignment horizontal="center" vertical="center"/>
    </xf>
    <xf numFmtId="0" fontId="13" fillId="3" borderId="13" xfId="1" applyFont="1" applyFill="1" applyBorder="1" applyAlignment="1">
      <alignment horizontal="center" vertical="center"/>
    </xf>
    <xf numFmtId="0" fontId="13" fillId="3" borderId="8"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13" fillId="4" borderId="2" xfId="1" applyFont="1" applyFill="1" applyBorder="1" applyAlignment="1">
      <alignment horizontal="lef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13" fillId="4" borderId="12" xfId="1" applyFont="1" applyFill="1" applyBorder="1" applyAlignment="1">
      <alignment horizontal="left" vertical="center" wrapText="1"/>
    </xf>
    <xf numFmtId="0" fontId="13" fillId="4" borderId="13" xfId="1" applyFont="1" applyFill="1" applyBorder="1" applyAlignment="1">
      <alignment horizontal="left" vertical="center" wrapText="1"/>
    </xf>
    <xf numFmtId="0" fontId="13" fillId="4" borderId="8" xfId="1" applyFont="1" applyFill="1" applyBorder="1" applyAlignment="1">
      <alignment horizontal="left" vertical="center" wrapText="1"/>
    </xf>
    <xf numFmtId="0" fontId="13" fillId="5" borderId="11" xfId="1" applyFont="1" applyFill="1" applyBorder="1" applyAlignment="1">
      <alignment horizontal="left" vertical="top" wrapText="1"/>
    </xf>
    <xf numFmtId="0" fontId="15" fillId="0" borderId="15" xfId="0" applyFont="1" applyBorder="1" applyAlignment="1">
      <alignment horizontal="left" vertical="top" wrapText="1"/>
    </xf>
    <xf numFmtId="0" fontId="15" fillId="0" borderId="5" xfId="0" applyFont="1" applyBorder="1" applyAlignment="1">
      <alignment horizontal="left" vertical="top" wrapText="1"/>
    </xf>
    <xf numFmtId="0" fontId="13" fillId="4" borderId="9" xfId="1" applyFont="1" applyFill="1" applyBorder="1" applyAlignment="1">
      <alignment vertical="center" wrapText="1"/>
    </xf>
    <xf numFmtId="0" fontId="13" fillId="4" borderId="6" xfId="1" applyFont="1" applyFill="1" applyBorder="1" applyAlignment="1">
      <alignment vertical="center" wrapText="1"/>
    </xf>
    <xf numFmtId="0" fontId="13" fillId="4" borderId="2" xfId="1" applyFont="1" applyFill="1" applyBorder="1" applyAlignment="1">
      <alignment vertical="center" wrapText="1"/>
    </xf>
    <xf numFmtId="0" fontId="13" fillId="4" borderId="4" xfId="1" applyFont="1" applyFill="1" applyBorder="1" applyAlignment="1">
      <alignment vertical="center" wrapText="1"/>
    </xf>
    <xf numFmtId="0" fontId="15" fillId="0" borderId="5" xfId="0" applyFont="1" applyBorder="1">
      <alignment vertical="center"/>
    </xf>
    <xf numFmtId="0" fontId="4" fillId="4" borderId="12"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5" borderId="11" xfId="1" applyFont="1" applyFill="1" applyBorder="1" applyAlignment="1">
      <alignment vertical="top" wrapText="1"/>
    </xf>
    <xf numFmtId="0" fontId="4" fillId="5" borderId="15" xfId="1" applyFont="1" applyFill="1" applyBorder="1" applyAlignment="1">
      <alignment vertical="top" wrapText="1"/>
    </xf>
    <xf numFmtId="0" fontId="4" fillId="5" borderId="5" xfId="1" applyFont="1" applyFill="1" applyBorder="1" applyAlignment="1">
      <alignment vertical="top" wrapText="1"/>
    </xf>
    <xf numFmtId="0" fontId="4" fillId="5" borderId="11" xfId="1" applyFont="1" applyFill="1" applyBorder="1" applyAlignment="1">
      <alignment horizontal="left" vertical="top" wrapText="1"/>
    </xf>
    <xf numFmtId="0" fontId="0" fillId="0" borderId="5" xfId="0" applyBorder="1" applyAlignment="1">
      <alignment horizontal="left" vertical="top" wrapText="1"/>
    </xf>
    <xf numFmtId="0" fontId="13" fillId="4" borderId="3" xfId="1" applyFont="1" applyFill="1" applyBorder="1" applyAlignment="1">
      <alignment vertical="center" wrapText="1"/>
    </xf>
    <xf numFmtId="0" fontId="13" fillId="5" borderId="15" xfId="1" applyFont="1" applyFill="1" applyBorder="1" applyAlignment="1">
      <alignment horizontal="left" vertical="top" wrapText="1"/>
    </xf>
    <xf numFmtId="0" fontId="13" fillId="5" borderId="5" xfId="1" applyFont="1" applyFill="1" applyBorder="1" applyAlignment="1">
      <alignment horizontal="left" vertical="top" wrapText="1"/>
    </xf>
    <xf numFmtId="0" fontId="4" fillId="5" borderId="12" xfId="1" applyFont="1" applyFill="1" applyBorder="1" applyAlignment="1">
      <alignment vertical="top" wrapText="1"/>
    </xf>
    <xf numFmtId="0" fontId="4" fillId="5" borderId="9" xfId="1" applyFont="1" applyFill="1" applyBorder="1" applyAlignment="1">
      <alignmen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0" fillId="0" borderId="15" xfId="0" applyBorder="1" applyAlignment="1">
      <alignment horizontal="left" vertical="top" wrapText="1"/>
    </xf>
    <xf numFmtId="0" fontId="4" fillId="4" borderId="11" xfId="1" applyFont="1" applyFill="1" applyBorder="1" applyAlignment="1">
      <alignment horizontal="left" vertical="center" wrapText="1"/>
    </xf>
    <xf numFmtId="0" fontId="0" fillId="0" borderId="15" xfId="0" applyBorder="1" applyAlignment="1">
      <alignment horizontal="left" vertical="center" wrapText="1"/>
    </xf>
    <xf numFmtId="0" fontId="0" fillId="0" borderId="5" xfId="0" applyBorder="1" applyAlignment="1">
      <alignment horizontal="left" vertical="center"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5" fillId="5" borderId="15" xfId="0" applyFont="1" applyFill="1" applyBorder="1" applyAlignment="1">
      <alignment horizontal="left" vertical="top" wrapText="1"/>
    </xf>
    <xf numFmtId="0" fontId="15"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1"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13" fillId="4" borderId="7" xfId="1" applyFont="1" applyFill="1" applyBorder="1" applyAlignment="1">
      <alignment horizontal="left" vertical="center" wrapText="1"/>
    </xf>
    <xf numFmtId="0" fontId="13" fillId="4" borderId="0" xfId="1" applyFont="1" applyFill="1" applyBorder="1" applyAlignment="1">
      <alignment horizontal="left" vertical="center" wrapText="1"/>
    </xf>
    <xf numFmtId="0" fontId="13" fillId="4" borderId="14" xfId="1" applyFont="1" applyFill="1" applyBorder="1" applyAlignment="1">
      <alignment horizontal="left" vertical="center" wrapText="1"/>
    </xf>
    <xf numFmtId="0" fontId="13" fillId="4" borderId="9" xfId="1" applyFont="1" applyFill="1" applyBorder="1" applyAlignment="1">
      <alignment horizontal="left" vertical="center" wrapText="1"/>
    </xf>
    <xf numFmtId="0" fontId="13" fillId="4" borderId="6" xfId="1" applyFont="1" applyFill="1" applyBorder="1" applyAlignment="1">
      <alignment horizontal="left" vertical="center" wrapText="1"/>
    </xf>
    <xf numFmtId="0" fontId="13" fillId="4" borderId="10" xfId="1" applyFont="1" applyFill="1" applyBorder="1" applyAlignment="1">
      <alignment horizontal="left" vertical="center" wrapText="1"/>
    </xf>
    <xf numFmtId="0" fontId="13" fillId="5" borderId="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2" xfId="1" applyFont="1" applyFill="1" applyBorder="1" applyAlignment="1">
      <alignment horizontal="left" vertical="top" wrapText="1"/>
    </xf>
    <xf numFmtId="0" fontId="13" fillId="5" borderId="7" xfId="1" applyFont="1" applyFill="1" applyBorder="1" applyAlignment="1">
      <alignment horizontal="left" vertical="top" wrapText="1"/>
    </xf>
    <xf numFmtId="0" fontId="13"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3" fillId="4" borderId="9" xfId="1" applyFont="1" applyFill="1" applyBorder="1" applyAlignment="1">
      <alignment horizontal="center" vertical="center" wrapText="1"/>
    </xf>
    <xf numFmtId="0" fontId="13" fillId="4" borderId="10" xfId="1" applyFont="1" applyFill="1" applyBorder="1" applyAlignment="1">
      <alignment horizontal="center" vertical="center" wrapText="1"/>
    </xf>
    <xf numFmtId="0" fontId="4" fillId="5" borderId="15" xfId="1" applyFont="1" applyFill="1" applyBorder="1" applyAlignment="1">
      <alignment horizontal="left" vertical="top" wrapText="1"/>
    </xf>
    <xf numFmtId="0" fontId="4" fillId="5" borderId="5" xfId="1" applyFont="1" applyFill="1" applyBorder="1" applyAlignment="1">
      <alignment horizontal="left" vertical="top" wrapText="1"/>
    </xf>
    <xf numFmtId="0" fontId="4" fillId="4" borderId="2" xfId="1" applyFont="1" applyFill="1" applyBorder="1" applyAlignment="1">
      <alignment vertical="center" wrapText="1"/>
    </xf>
    <xf numFmtId="0" fontId="4" fillId="4" borderId="3" xfId="1" applyFont="1" applyFill="1" applyBorder="1" applyAlignment="1">
      <alignment vertical="center" wrapText="1"/>
    </xf>
    <xf numFmtId="0" fontId="4" fillId="4" borderId="4" xfId="1" applyFont="1" applyFill="1" applyBorder="1" applyAlignment="1">
      <alignment vertical="center" wrapText="1"/>
    </xf>
    <xf numFmtId="0" fontId="4" fillId="4" borderId="0" xfId="1" applyFont="1" applyFill="1" applyBorder="1" applyAlignment="1">
      <alignment horizontal="left" vertical="center"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1" xfId="1" applyFont="1" applyFill="1" applyBorder="1" applyAlignment="1">
      <alignment horizontal="center" vertical="center"/>
    </xf>
    <xf numFmtId="0" fontId="17" fillId="0" borderId="0" xfId="2">
      <alignment vertical="center"/>
    </xf>
    <xf numFmtId="0" fontId="4" fillId="3" borderId="1" xfId="1" applyFont="1" applyFill="1" applyBorder="1" applyAlignment="1">
      <alignment horizontal="center" vertical="center"/>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9" fillId="2" borderId="0" xfId="1" applyFont="1" applyFill="1" applyAlignment="1">
      <alignment horizontal="left" vertical="center" wrapText="1"/>
    </xf>
    <xf numFmtId="0" fontId="19" fillId="2" borderId="0" xfId="1" applyFont="1" applyFill="1" applyAlignment="1">
      <alignment horizontal="left" vertical="top" wrapText="1"/>
    </xf>
    <xf numFmtId="0" fontId="13" fillId="4" borderId="7" xfId="1" applyFont="1" applyFill="1" applyBorder="1" applyAlignment="1">
      <alignment horizontal="center" vertical="center" wrapText="1"/>
    </xf>
    <xf numFmtId="0" fontId="13" fillId="4" borderId="14" xfId="1" applyFont="1" applyFill="1" applyBorder="1" applyAlignment="1">
      <alignment horizontal="center" vertical="center" wrapText="1"/>
    </xf>
    <xf numFmtId="0" fontId="17" fillId="2" borderId="0" xfId="2" applyFill="1" applyAlignment="1">
      <alignment horizontal="left" vertical="center"/>
    </xf>
    <xf numFmtId="0" fontId="9" fillId="2" borderId="0" xfId="1" applyFont="1" applyFill="1" applyAlignment="1">
      <alignment horizontal="left" vertical="center"/>
    </xf>
    <xf numFmtId="0" fontId="4" fillId="3" borderId="3" xfId="1" applyFont="1" applyFill="1" applyBorder="1" applyAlignment="1">
      <alignment horizontal="left" vertical="center"/>
    </xf>
    <xf numFmtId="0" fontId="4" fillId="3" borderId="4" xfId="1" applyFont="1" applyFill="1" applyBorder="1" applyAlignment="1">
      <alignment horizontal="left" vertical="center"/>
    </xf>
    <xf numFmtId="0" fontId="21" fillId="2" borderId="0" xfId="2" applyFont="1" applyFill="1">
      <alignment vertical="center"/>
    </xf>
    <xf numFmtId="0" fontId="17" fillId="0" borderId="0" xfId="2" applyAlignment="1">
      <alignment horizontal="left" vertical="center"/>
    </xf>
    <xf numFmtId="0" fontId="1" fillId="3" borderId="1" xfId="1" applyFont="1" applyFill="1" applyBorder="1" applyAlignment="1">
      <alignment horizontal="center" vertical="center" wrapText="1"/>
    </xf>
    <xf numFmtId="0" fontId="0" fillId="0" borderId="5" xfId="0" applyBorder="1">
      <alignment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043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10100031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730"/>
  <sheetViews>
    <sheetView showGridLines="0" tabSelected="1" topLeftCell="B1" zoomScale="70" zoomScaleNormal="70" workbookViewId="0">
      <selection activeCell="L106" sqref="L106"/>
    </sheetView>
  </sheetViews>
  <sheetFormatPr defaultColWidth="9" defaultRowHeight="17.25" x14ac:dyDescent="0.15"/>
  <cols>
    <col min="1" max="1" width="33.875" style="254"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243"/>
      <c r="B1" s="1"/>
      <c r="I1" s="9"/>
    </row>
    <row r="2" spans="1:22" ht="18.75" x14ac:dyDescent="0.15">
      <c r="A2" s="243"/>
      <c r="B2" s="272" t="s">
        <v>1043</v>
      </c>
      <c r="C2" s="238"/>
      <c r="D2" s="238"/>
      <c r="E2" s="238"/>
      <c r="F2" s="238"/>
      <c r="G2" s="238"/>
      <c r="H2" s="9"/>
    </row>
    <row r="3" spans="1:22" x14ac:dyDescent="0.15">
      <c r="A3" s="243"/>
      <c r="B3" s="273" t="s">
        <v>1044</v>
      </c>
      <c r="C3" s="239"/>
      <c r="D3" s="239"/>
      <c r="E3" s="239"/>
      <c r="F3" s="239"/>
      <c r="G3" s="239"/>
      <c r="H3" s="14"/>
      <c r="I3" s="14"/>
    </row>
    <row r="4" spans="1:22" x14ac:dyDescent="0.15">
      <c r="A4" s="243"/>
      <c r="B4" s="427" t="s">
        <v>546</v>
      </c>
      <c r="C4" s="427"/>
      <c r="D4" s="427"/>
      <c r="E4" s="15"/>
      <c r="F4" s="15"/>
      <c r="G4" s="15"/>
      <c r="H4" s="16"/>
      <c r="I4" s="16"/>
    </row>
    <row r="5" spans="1:22" x14ac:dyDescent="0.15">
      <c r="A5" s="243"/>
      <c r="B5" s="301"/>
      <c r="C5" s="302"/>
      <c r="D5" s="302"/>
      <c r="E5" s="15"/>
      <c r="F5" s="15"/>
      <c r="G5" s="15"/>
      <c r="H5" s="16"/>
      <c r="I5" s="16"/>
    </row>
    <row r="6" spans="1:22" x14ac:dyDescent="0.15">
      <c r="A6" s="243"/>
      <c r="B6" s="301"/>
      <c r="C6" s="302"/>
      <c r="D6" s="302"/>
      <c r="E6" s="15"/>
      <c r="F6" s="15"/>
      <c r="G6" s="15"/>
      <c r="H6" s="16"/>
      <c r="I6" s="16"/>
    </row>
    <row r="7" spans="1:22" x14ac:dyDescent="0.15">
      <c r="A7" s="243"/>
      <c r="B7" s="18" t="s">
        <v>1027</v>
      </c>
    </row>
    <row r="8" spans="1:22" x14ac:dyDescent="0.15">
      <c r="A8" s="243"/>
      <c r="B8" s="18"/>
      <c r="M8" s="8"/>
      <c r="N8" s="8"/>
      <c r="O8" s="8"/>
      <c r="P8" s="8"/>
      <c r="Q8" s="8"/>
      <c r="R8" s="8"/>
      <c r="S8" s="8"/>
      <c r="T8" s="8"/>
      <c r="U8" s="8"/>
      <c r="V8" s="8"/>
    </row>
    <row r="9" spans="1:22" s="21" customFormat="1" x14ac:dyDescent="0.15">
      <c r="A9" s="243"/>
      <c r="B9" s="22"/>
      <c r="C9" s="19"/>
      <c r="D9" s="19"/>
      <c r="E9" s="19"/>
      <c r="F9" s="19"/>
      <c r="G9" s="19"/>
      <c r="H9" s="20"/>
      <c r="I9" s="428" t="s">
        <v>1026</v>
      </c>
      <c r="J9" s="428"/>
      <c r="K9" s="428"/>
      <c r="L9" s="303" t="s">
        <v>1051</v>
      </c>
    </row>
    <row r="10" spans="1:22" s="21" customFormat="1" ht="34.5" customHeight="1" x14ac:dyDescent="0.15">
      <c r="A10" s="244" t="s">
        <v>606</v>
      </c>
      <c r="B10" s="17"/>
      <c r="C10" s="19"/>
      <c r="D10" s="19"/>
      <c r="E10" s="19"/>
      <c r="F10" s="19"/>
      <c r="G10" s="19"/>
      <c r="H10" s="20"/>
      <c r="I10" s="426" t="s">
        <v>1024</v>
      </c>
      <c r="J10" s="426"/>
      <c r="K10" s="426"/>
      <c r="L10" s="25" t="s">
        <v>542</v>
      </c>
    </row>
    <row r="11" spans="1:22" s="21" customFormat="1" ht="34.5" customHeight="1" x14ac:dyDescent="0.15">
      <c r="A11" s="244" t="s">
        <v>606</v>
      </c>
      <c r="B11" s="24"/>
      <c r="C11" s="19"/>
      <c r="D11" s="19"/>
      <c r="E11" s="19"/>
      <c r="F11" s="19"/>
      <c r="G11" s="19"/>
      <c r="H11" s="20"/>
      <c r="I11" s="426" t="s">
        <v>1025</v>
      </c>
      <c r="J11" s="426"/>
      <c r="K11" s="426"/>
      <c r="L11" s="25" t="s">
        <v>542</v>
      </c>
    </row>
    <row r="12" spans="1:22" x14ac:dyDescent="0.15">
      <c r="A12" s="243"/>
      <c r="B12" s="18"/>
      <c r="M12" s="8"/>
      <c r="N12" s="8"/>
      <c r="O12" s="8"/>
      <c r="P12" s="8"/>
      <c r="Q12" s="8"/>
      <c r="R12" s="8"/>
      <c r="S12" s="8"/>
      <c r="T12" s="8"/>
      <c r="U12" s="8"/>
      <c r="V12" s="8"/>
    </row>
    <row r="13" spans="1:22" x14ac:dyDescent="0.15">
      <c r="A13" s="243"/>
      <c r="B13" s="17"/>
      <c r="M13" s="8"/>
      <c r="N13" s="8"/>
      <c r="O13" s="8"/>
      <c r="P13" s="8"/>
      <c r="Q13" s="8"/>
      <c r="R13" s="8"/>
      <c r="S13" s="8"/>
      <c r="T13" s="8"/>
      <c r="U13" s="8"/>
      <c r="V13" s="8"/>
    </row>
    <row r="14" spans="1:22" s="21" customFormat="1" x14ac:dyDescent="0.15">
      <c r="A14" s="243"/>
      <c r="B14" s="18" t="s">
        <v>1037</v>
      </c>
      <c r="C14" s="19"/>
      <c r="D14" s="19"/>
      <c r="E14" s="19"/>
      <c r="F14" s="19"/>
      <c r="G14" s="19"/>
      <c r="H14" s="20"/>
      <c r="I14" s="20"/>
      <c r="J14" s="5"/>
      <c r="K14" s="6"/>
      <c r="L14" s="5"/>
    </row>
    <row r="15" spans="1:22" s="21" customFormat="1" x14ac:dyDescent="0.15">
      <c r="A15" s="243"/>
      <c r="B15" s="18"/>
      <c r="C15" s="18"/>
      <c r="D15" s="18"/>
      <c r="E15" s="18"/>
      <c r="F15" s="18"/>
      <c r="G15" s="18"/>
      <c r="H15" s="14"/>
      <c r="I15" s="14"/>
      <c r="J15" s="5"/>
      <c r="K15" s="6"/>
      <c r="L15" s="240"/>
    </row>
    <row r="16" spans="1:22" s="21" customFormat="1" x14ac:dyDescent="0.15">
      <c r="A16" s="243"/>
      <c r="B16" s="22"/>
      <c r="C16" s="19"/>
      <c r="D16" s="19"/>
      <c r="E16" s="19"/>
      <c r="F16" s="19"/>
      <c r="G16" s="19"/>
      <c r="H16" s="20"/>
      <c r="I16" s="428" t="s">
        <v>1007</v>
      </c>
      <c r="J16" s="428"/>
      <c r="K16" s="428"/>
      <c r="L16" s="276" t="s">
        <v>1051</v>
      </c>
    </row>
    <row r="17" spans="1:22" s="21" customFormat="1" ht="34.5" customHeight="1" x14ac:dyDescent="0.15">
      <c r="A17" s="244" t="s">
        <v>606</v>
      </c>
      <c r="B17" s="17"/>
      <c r="C17" s="19"/>
      <c r="D17" s="19"/>
      <c r="E17" s="19"/>
      <c r="F17" s="19"/>
      <c r="G17" s="19"/>
      <c r="H17" s="20"/>
      <c r="I17" s="426" t="s">
        <v>2</v>
      </c>
      <c r="J17" s="426"/>
      <c r="K17" s="426"/>
      <c r="L17" s="25"/>
    </row>
    <row r="18" spans="1:22" s="21" customFormat="1" ht="34.5" customHeight="1" x14ac:dyDescent="0.15">
      <c r="A18" s="244" t="s">
        <v>606</v>
      </c>
      <c r="B18" s="24"/>
      <c r="C18" s="19"/>
      <c r="D18" s="19"/>
      <c r="E18" s="19"/>
      <c r="F18" s="19"/>
      <c r="G18" s="19"/>
      <c r="H18" s="20"/>
      <c r="I18" s="426" t="s">
        <v>3</v>
      </c>
      <c r="J18" s="426"/>
      <c r="K18" s="426"/>
      <c r="L18" s="25"/>
    </row>
    <row r="19" spans="1:22" s="21" customFormat="1" ht="34.5" customHeight="1" x14ac:dyDescent="0.15">
      <c r="A19" s="244" t="s">
        <v>606</v>
      </c>
      <c r="B19" s="24"/>
      <c r="C19" s="19"/>
      <c r="D19" s="19"/>
      <c r="E19" s="19"/>
      <c r="F19" s="19"/>
      <c r="G19" s="19"/>
      <c r="H19" s="20"/>
      <c r="I19" s="426" t="s">
        <v>4</v>
      </c>
      <c r="J19" s="426"/>
      <c r="K19" s="426"/>
      <c r="L19" s="29"/>
    </row>
    <row r="20" spans="1:22" s="21" customFormat="1" ht="34.5" customHeight="1" x14ac:dyDescent="0.15">
      <c r="A20" s="244" t="s">
        <v>606</v>
      </c>
      <c r="B20" s="17"/>
      <c r="C20" s="19"/>
      <c r="D20" s="19"/>
      <c r="E20" s="19"/>
      <c r="F20" s="19"/>
      <c r="G20" s="19"/>
      <c r="H20" s="20"/>
      <c r="I20" s="426" t="s">
        <v>5</v>
      </c>
      <c r="J20" s="426"/>
      <c r="K20" s="426"/>
      <c r="L20" s="28" t="s">
        <v>1045</v>
      </c>
    </row>
    <row r="21" spans="1:22" s="21" customFormat="1" ht="34.5" customHeight="1" x14ac:dyDescent="0.15">
      <c r="A21" s="244" t="s">
        <v>606</v>
      </c>
      <c r="B21" s="17"/>
      <c r="C21" s="19"/>
      <c r="D21" s="19"/>
      <c r="E21" s="19"/>
      <c r="F21" s="19"/>
      <c r="G21" s="19"/>
      <c r="H21" s="20"/>
      <c r="I21" s="426" t="s">
        <v>550</v>
      </c>
      <c r="J21" s="426"/>
      <c r="K21" s="426"/>
      <c r="L21" s="29"/>
    </row>
    <row r="22" spans="1:22" s="21" customFormat="1" ht="34.5" customHeight="1" x14ac:dyDescent="0.15">
      <c r="A22" s="244" t="s">
        <v>606</v>
      </c>
      <c r="B22" s="17"/>
      <c r="C22" s="19"/>
      <c r="D22" s="19"/>
      <c r="E22" s="19"/>
      <c r="F22" s="19"/>
      <c r="G22" s="19"/>
      <c r="H22" s="20"/>
      <c r="I22" s="426" t="s">
        <v>551</v>
      </c>
      <c r="J22" s="426"/>
      <c r="K22" s="426"/>
      <c r="L22" s="29"/>
    </row>
    <row r="23" spans="1:22" s="21" customFormat="1" ht="34.5" customHeight="1" x14ac:dyDescent="0.15">
      <c r="A23" s="244" t="s">
        <v>606</v>
      </c>
      <c r="B23" s="17"/>
      <c r="C23" s="19"/>
      <c r="D23" s="19"/>
      <c r="E23" s="19"/>
      <c r="F23" s="19"/>
      <c r="G23" s="19"/>
      <c r="H23" s="20"/>
      <c r="I23" s="426" t="s">
        <v>971</v>
      </c>
      <c r="J23" s="426"/>
      <c r="K23" s="426"/>
      <c r="L23" s="29"/>
    </row>
    <row r="24" spans="1:22" s="21" customFormat="1" ht="315" customHeight="1" x14ac:dyDescent="0.15">
      <c r="A24" s="244" t="s">
        <v>985</v>
      </c>
      <c r="B24" s="17"/>
      <c r="C24" s="19"/>
      <c r="D24" s="19"/>
      <c r="E24" s="19"/>
      <c r="F24" s="19"/>
      <c r="G24" s="19"/>
      <c r="H24" s="20"/>
      <c r="I24" s="317" t="s">
        <v>1006</v>
      </c>
      <c r="J24" s="317"/>
      <c r="K24" s="317"/>
      <c r="L24" s="29" t="s">
        <v>533</v>
      </c>
    </row>
    <row r="25" spans="1:22" s="21" customFormat="1" x14ac:dyDescent="0.15">
      <c r="A25" s="243"/>
      <c r="B25" s="17"/>
      <c r="C25" s="2"/>
      <c r="D25" s="2"/>
      <c r="E25" s="3"/>
      <c r="F25" s="2"/>
      <c r="G25" s="30"/>
      <c r="H25" s="4"/>
      <c r="I25" s="4"/>
      <c r="J25" s="5"/>
      <c r="K25" s="31"/>
      <c r="L25" s="7"/>
    </row>
    <row r="26" spans="1:22" x14ac:dyDescent="0.15">
      <c r="A26" s="243"/>
      <c r="B26" s="17"/>
      <c r="K26" s="31"/>
      <c r="L26" s="7"/>
      <c r="M26" s="8"/>
      <c r="N26" s="8"/>
      <c r="O26" s="8"/>
      <c r="P26" s="8"/>
      <c r="Q26" s="8"/>
      <c r="R26" s="8"/>
      <c r="S26" s="8"/>
      <c r="T26" s="8"/>
      <c r="U26" s="8"/>
      <c r="V26" s="8"/>
    </row>
    <row r="27" spans="1:22" s="21" customFormat="1" x14ac:dyDescent="0.15">
      <c r="A27" s="243"/>
      <c r="B27" s="236" t="s">
        <v>1008</v>
      </c>
      <c r="C27" s="19"/>
      <c r="D27" s="19"/>
      <c r="E27" s="19"/>
      <c r="F27" s="19"/>
      <c r="G27" s="19"/>
      <c r="H27" s="20"/>
      <c r="I27" s="20"/>
      <c r="J27" s="5"/>
      <c r="K27" s="31"/>
      <c r="L27" s="7"/>
    </row>
    <row r="28" spans="1:22" s="21" customFormat="1" x14ac:dyDescent="0.15">
      <c r="A28" s="243"/>
      <c r="B28" s="18"/>
      <c r="C28" s="18"/>
      <c r="D28" s="18"/>
      <c r="E28" s="18"/>
      <c r="F28" s="18"/>
      <c r="G28" s="18"/>
      <c r="H28" s="14"/>
      <c r="I28" s="14"/>
      <c r="J28" s="5"/>
      <c r="K28" s="31"/>
      <c r="L28" s="240"/>
    </row>
    <row r="29" spans="1:22" s="21" customFormat="1" x14ac:dyDescent="0.15">
      <c r="A29" s="243"/>
      <c r="B29" s="22"/>
      <c r="C29" s="19"/>
      <c r="D29" s="19"/>
      <c r="E29" s="19"/>
      <c r="F29" s="19"/>
      <c r="G29" s="19"/>
      <c r="H29" s="20"/>
      <c r="I29" s="321" t="s">
        <v>1009</v>
      </c>
      <c r="J29" s="322"/>
      <c r="K29" s="323"/>
      <c r="L29" s="277" t="s">
        <v>1051</v>
      </c>
    </row>
    <row r="30" spans="1:22" s="21" customFormat="1" ht="34.5" customHeight="1" x14ac:dyDescent="0.15">
      <c r="A30" s="244" t="s">
        <v>607</v>
      </c>
      <c r="B30" s="17"/>
      <c r="C30" s="19"/>
      <c r="D30" s="19"/>
      <c r="E30" s="19"/>
      <c r="F30" s="19"/>
      <c r="G30" s="19"/>
      <c r="H30" s="20"/>
      <c r="I30" s="310" t="s">
        <v>2</v>
      </c>
      <c r="J30" s="311"/>
      <c r="K30" s="312"/>
      <c r="L30" s="25"/>
    </row>
    <row r="31" spans="1:22" s="21" customFormat="1" ht="34.5" customHeight="1" x14ac:dyDescent="0.15">
      <c r="A31" s="244" t="s">
        <v>607</v>
      </c>
      <c r="B31" s="24"/>
      <c r="C31" s="19"/>
      <c r="D31" s="19"/>
      <c r="E31" s="19"/>
      <c r="F31" s="19"/>
      <c r="G31" s="19"/>
      <c r="H31" s="20"/>
      <c r="I31" s="310" t="s">
        <v>3</v>
      </c>
      <c r="J31" s="311"/>
      <c r="K31" s="312"/>
      <c r="L31" s="25"/>
    </row>
    <row r="32" spans="1:22" s="21" customFormat="1" ht="34.5" customHeight="1" x14ac:dyDescent="0.15">
      <c r="A32" s="244" t="s">
        <v>607</v>
      </c>
      <c r="B32" s="24"/>
      <c r="C32" s="19"/>
      <c r="D32" s="19"/>
      <c r="E32" s="19"/>
      <c r="F32" s="19"/>
      <c r="G32" s="19"/>
      <c r="H32" s="20"/>
      <c r="I32" s="310" t="s">
        <v>4</v>
      </c>
      <c r="J32" s="311"/>
      <c r="K32" s="312"/>
      <c r="L32" s="29"/>
    </row>
    <row r="33" spans="1:22" s="21" customFormat="1" ht="34.5" customHeight="1" x14ac:dyDescent="0.15">
      <c r="A33" s="244" t="s">
        <v>607</v>
      </c>
      <c r="B33" s="17"/>
      <c r="C33" s="19"/>
      <c r="D33" s="19"/>
      <c r="E33" s="19"/>
      <c r="F33" s="19"/>
      <c r="G33" s="19"/>
      <c r="H33" s="20"/>
      <c r="I33" s="310" t="s">
        <v>5</v>
      </c>
      <c r="J33" s="311"/>
      <c r="K33" s="312"/>
      <c r="L33" s="28" t="s">
        <v>1045</v>
      </c>
    </row>
    <row r="34" spans="1:22" s="21" customFormat="1" ht="34.5" customHeight="1" x14ac:dyDescent="0.15">
      <c r="A34" s="244" t="s">
        <v>607</v>
      </c>
      <c r="B34" s="17"/>
      <c r="C34" s="19"/>
      <c r="D34" s="19"/>
      <c r="E34" s="19"/>
      <c r="F34" s="19"/>
      <c r="G34" s="19"/>
      <c r="H34" s="20"/>
      <c r="I34" s="313" t="s">
        <v>554</v>
      </c>
      <c r="J34" s="314"/>
      <c r="K34" s="315"/>
      <c r="L34" s="29"/>
    </row>
    <row r="35" spans="1:22" s="21" customFormat="1" ht="34.5" customHeight="1" x14ac:dyDescent="0.15">
      <c r="A35" s="244" t="s">
        <v>607</v>
      </c>
      <c r="B35" s="17"/>
      <c r="C35" s="19"/>
      <c r="D35" s="19"/>
      <c r="E35" s="19"/>
      <c r="F35" s="19"/>
      <c r="G35" s="19"/>
      <c r="H35" s="20"/>
      <c r="I35" s="313" t="s">
        <v>553</v>
      </c>
      <c r="J35" s="314"/>
      <c r="K35" s="315"/>
      <c r="L35" s="29"/>
    </row>
    <row r="36" spans="1:22" s="33" customFormat="1" ht="34.5" customHeight="1" x14ac:dyDescent="0.15">
      <c r="A36" s="244" t="s">
        <v>607</v>
      </c>
      <c r="B36" s="17"/>
      <c r="C36" s="19"/>
      <c r="D36" s="19"/>
      <c r="E36" s="19"/>
      <c r="F36" s="19"/>
      <c r="G36" s="19"/>
      <c r="H36" s="20"/>
      <c r="I36" s="313" t="s">
        <v>8</v>
      </c>
      <c r="J36" s="314"/>
      <c r="K36" s="315"/>
      <c r="L36" s="29"/>
    </row>
    <row r="37" spans="1:22" s="21" customFormat="1" ht="34.5" customHeight="1" x14ac:dyDescent="0.15">
      <c r="A37" s="244" t="s">
        <v>607</v>
      </c>
      <c r="B37" s="17"/>
      <c r="C37" s="19"/>
      <c r="D37" s="19"/>
      <c r="E37" s="19"/>
      <c r="F37" s="19"/>
      <c r="G37" s="19"/>
      <c r="H37" s="20"/>
      <c r="I37" s="316" t="s">
        <v>552</v>
      </c>
      <c r="J37" s="316"/>
      <c r="K37" s="316"/>
      <c r="L37" s="29"/>
    </row>
    <row r="38" spans="1:22" s="21" customFormat="1" x14ac:dyDescent="0.15">
      <c r="A38" s="243"/>
      <c r="B38" s="17"/>
      <c r="C38" s="2"/>
      <c r="D38" s="2"/>
      <c r="E38" s="3"/>
      <c r="F38" s="2"/>
      <c r="G38" s="34"/>
      <c r="H38" s="4"/>
      <c r="I38" s="4"/>
      <c r="J38" s="5"/>
      <c r="K38" s="31"/>
      <c r="L38" s="7"/>
    </row>
    <row r="39" spans="1:22" s="21" customFormat="1" x14ac:dyDescent="0.15">
      <c r="A39" s="243"/>
      <c r="B39" s="17"/>
      <c r="C39" s="2"/>
      <c r="D39" s="2"/>
      <c r="E39" s="3"/>
      <c r="F39" s="2"/>
      <c r="G39" s="34"/>
      <c r="H39" s="4"/>
      <c r="I39" s="4"/>
      <c r="J39" s="5"/>
      <c r="K39" s="31"/>
      <c r="L39" s="7"/>
    </row>
    <row r="40" spans="1:22" s="21" customFormat="1" x14ac:dyDescent="0.15">
      <c r="A40" s="243"/>
      <c r="B40" s="236" t="s">
        <v>1011</v>
      </c>
      <c r="C40" s="19"/>
      <c r="D40" s="19"/>
      <c r="E40" s="19"/>
      <c r="F40" s="19"/>
      <c r="G40" s="19"/>
      <c r="H40" s="20"/>
      <c r="I40" s="20"/>
      <c r="J40" s="5"/>
      <c r="K40" s="31"/>
      <c r="L40" s="7"/>
    </row>
    <row r="41" spans="1:22" s="21" customFormat="1" x14ac:dyDescent="0.15">
      <c r="A41" s="243"/>
      <c r="B41" s="18"/>
      <c r="C41" s="18"/>
      <c r="D41" s="18"/>
      <c r="E41" s="18"/>
      <c r="F41" s="18"/>
      <c r="G41" s="18"/>
      <c r="H41" s="14"/>
      <c r="I41" s="14"/>
      <c r="J41" s="5"/>
      <c r="K41" s="31"/>
      <c r="L41" s="240"/>
    </row>
    <row r="42" spans="1:22" s="21" customFormat="1" x14ac:dyDescent="0.15">
      <c r="A42" s="243"/>
      <c r="B42" s="22"/>
      <c r="C42" s="19"/>
      <c r="D42" s="19"/>
      <c r="E42" s="19"/>
      <c r="F42" s="19"/>
      <c r="G42" s="19"/>
      <c r="H42" s="20"/>
      <c r="I42" s="321" t="s">
        <v>1010</v>
      </c>
      <c r="J42" s="322"/>
      <c r="K42" s="323"/>
      <c r="L42" s="277" t="s">
        <v>1051</v>
      </c>
    </row>
    <row r="43" spans="1:22" s="21" customFormat="1" ht="34.5" customHeight="1" x14ac:dyDescent="0.15">
      <c r="A43" s="244" t="s">
        <v>608</v>
      </c>
      <c r="B43" s="17"/>
      <c r="C43" s="19"/>
      <c r="D43" s="19"/>
      <c r="E43" s="19"/>
      <c r="F43" s="19"/>
      <c r="G43" s="19"/>
      <c r="H43" s="20"/>
      <c r="I43" s="310" t="s">
        <v>11</v>
      </c>
      <c r="J43" s="311"/>
      <c r="K43" s="312"/>
      <c r="L43" s="25"/>
    </row>
    <row r="44" spans="1:22" s="21" customFormat="1" ht="34.5" customHeight="1" x14ac:dyDescent="0.15">
      <c r="A44" s="244" t="s">
        <v>608</v>
      </c>
      <c r="B44" s="24"/>
      <c r="C44" s="19"/>
      <c r="D44" s="19"/>
      <c r="E44" s="19"/>
      <c r="F44" s="19"/>
      <c r="G44" s="19"/>
      <c r="H44" s="20"/>
      <c r="I44" s="310" t="s">
        <v>12</v>
      </c>
      <c r="J44" s="311"/>
      <c r="K44" s="312"/>
      <c r="L44" s="25"/>
    </row>
    <row r="45" spans="1:22" s="21" customFormat="1" ht="34.5" customHeight="1" x14ac:dyDescent="0.15">
      <c r="A45" s="244" t="s">
        <v>608</v>
      </c>
      <c r="B45" s="24"/>
      <c r="C45" s="19"/>
      <c r="D45" s="19"/>
      <c r="E45" s="19"/>
      <c r="F45" s="19"/>
      <c r="G45" s="19"/>
      <c r="H45" s="20"/>
      <c r="I45" s="310" t="s">
        <v>13</v>
      </c>
      <c r="J45" s="311"/>
      <c r="K45" s="312"/>
      <c r="L45" s="261"/>
    </row>
    <row r="46" spans="1:22" s="21" customFormat="1" ht="34.5" customHeight="1" x14ac:dyDescent="0.15">
      <c r="A46" s="244" t="s">
        <v>608</v>
      </c>
      <c r="B46" s="17"/>
      <c r="C46" s="19"/>
      <c r="D46" s="19"/>
      <c r="E46" s="19"/>
      <c r="F46" s="19"/>
      <c r="G46" s="19"/>
      <c r="H46" s="20"/>
      <c r="I46" s="310" t="s">
        <v>14</v>
      </c>
      <c r="J46" s="311"/>
      <c r="K46" s="312"/>
      <c r="L46" s="25"/>
    </row>
    <row r="47" spans="1:22" s="21" customFormat="1" x14ac:dyDescent="0.15">
      <c r="A47" s="243"/>
      <c r="B47" s="17"/>
      <c r="C47" s="2"/>
      <c r="D47" s="2"/>
      <c r="E47" s="3"/>
      <c r="F47" s="2"/>
      <c r="G47" s="30"/>
      <c r="H47" s="4"/>
      <c r="I47" s="4"/>
      <c r="J47" s="5"/>
      <c r="K47" s="31"/>
      <c r="L47" s="7"/>
    </row>
    <row r="48" spans="1:22" x14ac:dyDescent="0.15">
      <c r="A48" s="243"/>
      <c r="B48" s="17"/>
      <c r="K48" s="31"/>
      <c r="L48" s="7"/>
      <c r="M48" s="8"/>
      <c r="N48" s="8"/>
      <c r="O48" s="8"/>
      <c r="P48" s="8"/>
      <c r="Q48" s="8"/>
      <c r="R48" s="8"/>
      <c r="S48" s="8"/>
      <c r="T48" s="8"/>
      <c r="U48" s="8"/>
      <c r="V48" s="8"/>
    </row>
    <row r="49" spans="1:12" s="21" customFormat="1" x14ac:dyDescent="0.15">
      <c r="A49" s="243"/>
      <c r="B49" s="236" t="s">
        <v>982</v>
      </c>
      <c r="C49" s="19"/>
      <c r="D49" s="19"/>
      <c r="E49" s="19"/>
      <c r="F49" s="19"/>
      <c r="G49" s="19"/>
      <c r="H49" s="20"/>
      <c r="I49" s="20"/>
      <c r="J49" s="5"/>
      <c r="K49" s="31"/>
      <c r="L49" s="7"/>
    </row>
    <row r="50" spans="1:12" s="21" customFormat="1" x14ac:dyDescent="0.15">
      <c r="A50" s="243"/>
      <c r="B50" s="18"/>
      <c r="C50" s="18"/>
      <c r="D50" s="18"/>
      <c r="E50" s="18"/>
      <c r="F50" s="18"/>
      <c r="G50" s="18"/>
      <c r="H50" s="14"/>
      <c r="I50" s="14"/>
      <c r="J50" s="5"/>
      <c r="K50" s="31"/>
      <c r="L50" s="240"/>
    </row>
    <row r="51" spans="1:12" s="21" customFormat="1" x14ac:dyDescent="0.15">
      <c r="A51" s="243"/>
      <c r="B51" s="22"/>
      <c r="C51" s="19"/>
      <c r="D51" s="19"/>
      <c r="E51" s="19"/>
      <c r="F51" s="19"/>
      <c r="G51" s="19"/>
      <c r="H51" s="274"/>
      <c r="I51" s="318" t="s">
        <v>1009</v>
      </c>
      <c r="J51" s="319"/>
      <c r="K51" s="320"/>
      <c r="L51" s="277" t="s">
        <v>1051</v>
      </c>
    </row>
    <row r="52" spans="1:12" s="21" customFormat="1" ht="34.5" customHeight="1" x14ac:dyDescent="0.15">
      <c r="A52" s="278" t="s">
        <v>983</v>
      </c>
      <c r="B52" s="17"/>
      <c r="C52" s="19"/>
      <c r="D52" s="19"/>
      <c r="E52" s="19"/>
      <c r="F52" s="19"/>
      <c r="G52" s="19"/>
      <c r="H52" s="20"/>
      <c r="I52" s="313" t="s">
        <v>2</v>
      </c>
      <c r="J52" s="314"/>
      <c r="K52" s="315"/>
      <c r="L52" s="25"/>
    </row>
    <row r="53" spans="1:12" s="21" customFormat="1" ht="34.5" customHeight="1" x14ac:dyDescent="0.15">
      <c r="A53" s="278" t="s">
        <v>983</v>
      </c>
      <c r="B53" s="24"/>
      <c r="C53" s="19"/>
      <c r="D53" s="19"/>
      <c r="E53" s="19"/>
      <c r="F53" s="19"/>
      <c r="G53" s="19"/>
      <c r="H53" s="20"/>
      <c r="I53" s="313" t="s">
        <v>3</v>
      </c>
      <c r="J53" s="314"/>
      <c r="K53" s="315"/>
      <c r="L53" s="25"/>
    </row>
    <row r="54" spans="1:12" s="21" customFormat="1" ht="34.5" customHeight="1" x14ac:dyDescent="0.15">
      <c r="A54" s="278" t="s">
        <v>983</v>
      </c>
      <c r="B54" s="24"/>
      <c r="C54" s="19"/>
      <c r="D54" s="19"/>
      <c r="E54" s="19"/>
      <c r="F54" s="19"/>
      <c r="G54" s="19"/>
      <c r="H54" s="20"/>
      <c r="I54" s="313" t="s">
        <v>4</v>
      </c>
      <c r="J54" s="314"/>
      <c r="K54" s="315"/>
      <c r="L54" s="29"/>
    </row>
    <row r="55" spans="1:12" s="21" customFormat="1" ht="34.5" customHeight="1" x14ac:dyDescent="0.15">
      <c r="A55" s="278" t="s">
        <v>983</v>
      </c>
      <c r="B55" s="17"/>
      <c r="C55" s="19"/>
      <c r="D55" s="19"/>
      <c r="E55" s="19"/>
      <c r="F55" s="19"/>
      <c r="G55" s="19"/>
      <c r="H55" s="20"/>
      <c r="I55" s="313" t="s">
        <v>5</v>
      </c>
      <c r="J55" s="314"/>
      <c r="K55" s="315"/>
      <c r="L55" s="28"/>
    </row>
    <row r="56" spans="1:12" s="21" customFormat="1" ht="34.5" customHeight="1" x14ac:dyDescent="0.15">
      <c r="A56" s="278" t="s">
        <v>983</v>
      </c>
      <c r="B56" s="17"/>
      <c r="C56" s="19"/>
      <c r="D56" s="19"/>
      <c r="E56" s="19"/>
      <c r="F56" s="19"/>
      <c r="G56" s="19"/>
      <c r="H56" s="20"/>
      <c r="I56" s="313" t="s">
        <v>554</v>
      </c>
      <c r="J56" s="314"/>
      <c r="K56" s="315"/>
      <c r="L56" s="29"/>
    </row>
    <row r="57" spans="1:12" s="21" customFormat="1" ht="34.5" customHeight="1" x14ac:dyDescent="0.15">
      <c r="A57" s="278" t="s">
        <v>983</v>
      </c>
      <c r="B57" s="17"/>
      <c r="C57" s="19"/>
      <c r="D57" s="19"/>
      <c r="E57" s="19"/>
      <c r="F57" s="19"/>
      <c r="G57" s="19"/>
      <c r="H57" s="20"/>
      <c r="I57" s="313" t="s">
        <v>553</v>
      </c>
      <c r="J57" s="314"/>
      <c r="K57" s="315"/>
      <c r="L57" s="29"/>
    </row>
    <row r="58" spans="1:12" s="33" customFormat="1" ht="34.5" customHeight="1" x14ac:dyDescent="0.15">
      <c r="A58" s="278" t="s">
        <v>983</v>
      </c>
      <c r="B58" s="17"/>
      <c r="C58" s="19"/>
      <c r="D58" s="19"/>
      <c r="E58" s="19"/>
      <c r="F58" s="19"/>
      <c r="G58" s="19"/>
      <c r="H58" s="20"/>
      <c r="I58" s="313" t="s">
        <v>8</v>
      </c>
      <c r="J58" s="314"/>
      <c r="K58" s="315"/>
      <c r="L58" s="29"/>
    </row>
    <row r="59" spans="1:12" s="21" customFormat="1" ht="34.5" customHeight="1" x14ac:dyDescent="0.15">
      <c r="A59" s="278" t="s">
        <v>983</v>
      </c>
      <c r="B59" s="17"/>
      <c r="C59" s="19"/>
      <c r="D59" s="19"/>
      <c r="E59" s="19"/>
      <c r="F59" s="19"/>
      <c r="G59" s="19"/>
      <c r="H59" s="20"/>
      <c r="I59" s="316" t="s">
        <v>552</v>
      </c>
      <c r="J59" s="316"/>
      <c r="K59" s="316"/>
      <c r="L59" s="29" t="s">
        <v>1045</v>
      </c>
    </row>
    <row r="60" spans="1:12" s="21" customFormat="1" ht="34.5" customHeight="1" x14ac:dyDescent="0.15">
      <c r="A60" s="278" t="s">
        <v>983</v>
      </c>
      <c r="B60" s="17"/>
      <c r="C60" s="19"/>
      <c r="D60" s="19"/>
      <c r="E60" s="19"/>
      <c r="F60" s="19"/>
      <c r="G60" s="19"/>
      <c r="H60" s="20"/>
      <c r="I60" s="316" t="s">
        <v>984</v>
      </c>
      <c r="J60" s="316"/>
      <c r="K60" s="316"/>
      <c r="L60" s="29" t="s">
        <v>533</v>
      </c>
    </row>
    <row r="61" spans="1:12" s="21" customFormat="1" x14ac:dyDescent="0.15">
      <c r="A61" s="243"/>
      <c r="B61" s="17"/>
      <c r="C61" s="2"/>
      <c r="D61" s="2"/>
      <c r="E61" s="3"/>
      <c r="F61" s="2"/>
      <c r="G61" s="34"/>
      <c r="H61" s="4"/>
      <c r="I61" s="4"/>
      <c r="J61" s="5"/>
      <c r="K61" s="31"/>
      <c r="L61" s="7"/>
    </row>
    <row r="62" spans="1:12" s="21" customFormat="1" x14ac:dyDescent="0.15">
      <c r="A62" s="243"/>
      <c r="B62" s="17"/>
      <c r="C62" s="2"/>
      <c r="D62" s="2"/>
      <c r="E62" s="3"/>
      <c r="F62" s="2"/>
      <c r="G62" s="34"/>
      <c r="H62" s="4"/>
      <c r="I62" s="4"/>
      <c r="J62" s="5"/>
      <c r="K62" s="31"/>
      <c r="L62" s="7"/>
    </row>
    <row r="63" spans="1:12" s="21" customFormat="1" x14ac:dyDescent="0.15">
      <c r="A63" s="243"/>
      <c r="B63" s="17"/>
      <c r="C63" s="2"/>
      <c r="D63" s="2"/>
      <c r="E63" s="3"/>
      <c r="F63" s="2"/>
      <c r="G63" s="34"/>
      <c r="H63" s="4"/>
      <c r="I63" s="4"/>
      <c r="J63" s="5"/>
      <c r="K63" s="31"/>
      <c r="L63" s="5"/>
    </row>
    <row r="64" spans="1:12" s="21" customFormat="1" x14ac:dyDescent="0.15">
      <c r="A64" s="243"/>
      <c r="B64" s="17"/>
      <c r="C64" s="2"/>
      <c r="D64" s="2"/>
      <c r="E64" s="3"/>
      <c r="F64" s="2"/>
      <c r="G64" s="30"/>
      <c r="H64" s="4"/>
      <c r="I64" s="4"/>
      <c r="J64" s="5"/>
      <c r="K64" s="31"/>
      <c r="L64" s="5"/>
    </row>
    <row r="65" spans="1:12" s="21" customFormat="1" x14ac:dyDescent="0.15">
      <c r="A65" s="243"/>
      <c r="B65" s="18"/>
      <c r="C65" s="35"/>
      <c r="D65" s="35"/>
      <c r="E65" s="35"/>
      <c r="F65" s="35"/>
      <c r="G65" s="35"/>
      <c r="H65" s="20"/>
      <c r="I65" s="20"/>
      <c r="J65" s="5"/>
      <c r="K65" s="31"/>
      <c r="L65" s="5"/>
    </row>
    <row r="66" spans="1:12" s="21" customFormat="1" x14ac:dyDescent="0.15">
      <c r="A66" s="243"/>
      <c r="B66" s="1"/>
      <c r="C66" s="36" t="s">
        <v>15</v>
      </c>
      <c r="D66" s="297"/>
      <c r="E66" s="297"/>
      <c r="F66" s="297"/>
      <c r="G66" s="297"/>
      <c r="H66" s="297"/>
      <c r="I66" s="4"/>
      <c r="J66" s="37"/>
      <c r="K66" s="6"/>
      <c r="L66" s="5"/>
    </row>
    <row r="67" spans="1:12" s="21" customFormat="1" ht="34.5" customHeight="1" x14ac:dyDescent="0.15">
      <c r="A67" s="243"/>
      <c r="B67" s="1"/>
      <c r="C67" s="38"/>
      <c r="D67" s="435" t="s">
        <v>544</v>
      </c>
      <c r="E67" s="435"/>
      <c r="F67" s="435"/>
      <c r="G67" s="435"/>
      <c r="H67" s="435"/>
      <c r="I67" s="435"/>
      <c r="J67" s="435"/>
      <c r="K67" s="435"/>
      <c r="L67" s="435"/>
    </row>
    <row r="68" spans="1:12" s="21" customFormat="1" ht="34.5" customHeight="1" x14ac:dyDescent="0.15">
      <c r="A68" s="243"/>
      <c r="B68" s="1"/>
      <c r="C68" s="41"/>
      <c r="D68" s="434" t="s">
        <v>16</v>
      </c>
      <c r="E68" s="434"/>
      <c r="F68" s="434"/>
      <c r="G68" s="434"/>
      <c r="H68" s="434"/>
      <c r="I68" s="434"/>
      <c r="J68" s="434"/>
      <c r="K68" s="434"/>
      <c r="L68" s="434"/>
    </row>
    <row r="69" spans="1:12" s="21" customFormat="1" ht="34.5" customHeight="1" x14ac:dyDescent="0.15">
      <c r="A69" s="243"/>
      <c r="B69" s="1"/>
      <c r="C69" s="41"/>
      <c r="D69" s="434" t="s">
        <v>17</v>
      </c>
      <c r="E69" s="434"/>
      <c r="F69" s="434"/>
      <c r="G69" s="434"/>
      <c r="H69" s="434"/>
      <c r="I69" s="434"/>
      <c r="J69" s="434"/>
      <c r="K69" s="434"/>
      <c r="L69" s="434"/>
    </row>
    <row r="70" spans="1:12" s="21" customFormat="1" ht="34.5" customHeight="1" x14ac:dyDescent="0.15">
      <c r="A70" s="243"/>
      <c r="B70" s="1"/>
      <c r="C70" s="41"/>
      <c r="D70" s="434" t="s">
        <v>18</v>
      </c>
      <c r="E70" s="434"/>
      <c r="F70" s="434"/>
      <c r="G70" s="434"/>
      <c r="H70" s="434"/>
      <c r="I70" s="434"/>
      <c r="J70" s="434"/>
      <c r="K70" s="434"/>
      <c r="L70" s="434"/>
    </row>
    <row r="71" spans="1:12" s="21" customFormat="1" ht="34.5" customHeight="1" x14ac:dyDescent="0.15">
      <c r="A71" s="243"/>
      <c r="B71" s="1"/>
      <c r="C71" s="41"/>
      <c r="D71" s="434" t="s">
        <v>19</v>
      </c>
      <c r="E71" s="434"/>
      <c r="F71" s="434"/>
      <c r="G71" s="434"/>
      <c r="H71" s="434"/>
      <c r="I71" s="434"/>
      <c r="J71" s="434"/>
      <c r="K71" s="434"/>
      <c r="L71" s="434"/>
    </row>
    <row r="72" spans="1:12" s="21" customFormat="1" x14ac:dyDescent="0.15">
      <c r="A72" s="243"/>
      <c r="B72" s="18"/>
      <c r="C72" s="35"/>
      <c r="D72" s="35"/>
      <c r="E72" s="35"/>
      <c r="F72" s="35"/>
      <c r="G72" s="35"/>
      <c r="H72" s="20"/>
      <c r="I72" s="20"/>
      <c r="J72" s="5"/>
      <c r="K72" s="6"/>
      <c r="L72" s="5"/>
    </row>
    <row r="73" spans="1:12" s="46" customFormat="1" x14ac:dyDescent="0.15">
      <c r="A73" s="245"/>
      <c r="B73" s="18"/>
      <c r="C73" s="42" t="s">
        <v>547</v>
      </c>
      <c r="F73" s="44"/>
      <c r="G73" s="42"/>
      <c r="H73" s="43" t="s">
        <v>548</v>
      </c>
      <c r="I73" s="43"/>
      <c r="J73" s="43" t="s">
        <v>549</v>
      </c>
      <c r="K73" s="45"/>
      <c r="L73" s="43"/>
    </row>
    <row r="74" spans="1:12" s="21" customFormat="1" x14ac:dyDescent="0.15">
      <c r="A74" s="243"/>
      <c r="B74" s="1"/>
      <c r="C74" s="47"/>
      <c r="D74" s="35"/>
      <c r="E74" s="35"/>
      <c r="F74" s="35"/>
      <c r="G74" s="35"/>
      <c r="H74" s="20"/>
      <c r="I74" s="297"/>
      <c r="J74" s="5"/>
      <c r="K74" s="6"/>
      <c r="L74" s="48"/>
    </row>
    <row r="75" spans="1:12" s="21" customFormat="1" x14ac:dyDescent="0.15">
      <c r="A75" s="243"/>
      <c r="B75" s="1"/>
      <c r="C75" s="40"/>
      <c r="D75" s="40"/>
      <c r="E75" s="40"/>
      <c r="F75" s="40"/>
      <c r="G75" s="40"/>
      <c r="H75" s="40"/>
      <c r="I75" s="40"/>
      <c r="J75" s="40"/>
      <c r="K75" s="50"/>
      <c r="L75" s="40"/>
    </row>
    <row r="76" spans="1:12" s="21" customFormat="1" x14ac:dyDescent="0.15">
      <c r="A76" s="243"/>
      <c r="B76" s="1"/>
      <c r="C76" s="51"/>
      <c r="D76" s="35"/>
      <c r="E76" s="35"/>
      <c r="F76" s="35"/>
      <c r="G76" s="35"/>
      <c r="H76" s="20"/>
      <c r="I76" s="297"/>
      <c r="J76" s="5"/>
      <c r="K76" s="6"/>
      <c r="L76" s="282"/>
    </row>
    <row r="77" spans="1:12" s="21" customFormat="1" x14ac:dyDescent="0.15">
      <c r="A77" s="243"/>
      <c r="B77" s="1"/>
      <c r="C77" s="51"/>
      <c r="D77" s="35"/>
      <c r="E77" s="35"/>
      <c r="F77" s="35"/>
      <c r="G77" s="35"/>
      <c r="H77" s="20"/>
      <c r="I77" s="297"/>
      <c r="J77" s="5"/>
      <c r="K77" s="6"/>
      <c r="L77" s="282"/>
    </row>
    <row r="78" spans="1:12" s="21" customFormat="1" x14ac:dyDescent="0.15">
      <c r="A78" s="243"/>
      <c r="B78" s="1"/>
      <c r="C78" s="427" t="s">
        <v>20</v>
      </c>
      <c r="D78" s="427"/>
      <c r="E78" s="427"/>
      <c r="F78" s="427"/>
      <c r="G78" s="427"/>
      <c r="H78" s="427" t="s">
        <v>214</v>
      </c>
      <c r="I78" s="427"/>
      <c r="J78" s="427" t="s">
        <v>979</v>
      </c>
      <c r="K78" s="427"/>
      <c r="L78" s="427"/>
    </row>
    <row r="79" spans="1:12" s="21" customFormat="1" x14ac:dyDescent="0.15">
      <c r="A79" s="243"/>
      <c r="B79" s="1"/>
      <c r="C79" s="427" t="s">
        <v>22</v>
      </c>
      <c r="D79" s="427"/>
      <c r="E79" s="427"/>
      <c r="F79" s="427"/>
      <c r="G79" s="427"/>
      <c r="H79" s="427" t="s">
        <v>978</v>
      </c>
      <c r="I79" s="427"/>
      <c r="J79" s="427" t="s">
        <v>272</v>
      </c>
      <c r="K79" s="427"/>
      <c r="L79" s="427"/>
    </row>
    <row r="80" spans="1:12" s="21" customFormat="1" x14ac:dyDescent="0.15">
      <c r="A80" s="243"/>
      <c r="B80" s="1"/>
      <c r="C80" s="427" t="s">
        <v>24</v>
      </c>
      <c r="D80" s="427"/>
      <c r="E80" s="427"/>
      <c r="F80" s="427"/>
      <c r="G80" s="427"/>
      <c r="H80" s="427" t="s">
        <v>216</v>
      </c>
      <c r="I80" s="427"/>
      <c r="J80" s="427" t="s">
        <v>980</v>
      </c>
      <c r="K80" s="427"/>
      <c r="L80" s="427"/>
    </row>
    <row r="81" spans="1:12" s="21" customFormat="1" x14ac:dyDescent="0.15">
      <c r="A81" s="243"/>
      <c r="B81" s="1"/>
      <c r="C81" s="427" t="s">
        <v>26</v>
      </c>
      <c r="D81" s="427"/>
      <c r="E81" s="427"/>
      <c r="F81" s="427"/>
      <c r="G81" s="427"/>
      <c r="H81" s="427" t="s">
        <v>217</v>
      </c>
      <c r="I81" s="427"/>
      <c r="J81" s="427" t="s">
        <v>276</v>
      </c>
      <c r="K81" s="427"/>
      <c r="L81" s="427"/>
    </row>
    <row r="82" spans="1:12" s="21" customFormat="1" x14ac:dyDescent="0.15">
      <c r="A82" s="243"/>
      <c r="B82" s="1"/>
      <c r="C82" s="427" t="s">
        <v>28</v>
      </c>
      <c r="D82" s="427"/>
      <c r="E82" s="427"/>
      <c r="F82" s="427"/>
      <c r="G82" s="427"/>
      <c r="H82" s="297"/>
      <c r="I82" s="297"/>
      <c r="J82" s="427" t="s">
        <v>981</v>
      </c>
      <c r="K82" s="427"/>
      <c r="L82" s="427"/>
    </row>
    <row r="83" spans="1:12" s="21" customFormat="1" x14ac:dyDescent="0.15">
      <c r="A83" s="243"/>
      <c r="C83" s="427" t="s">
        <v>30</v>
      </c>
      <c r="D83" s="427"/>
      <c r="E83" s="427"/>
      <c r="F83" s="427"/>
      <c r="G83" s="427"/>
      <c r="J83" s="427" t="s">
        <v>271</v>
      </c>
      <c r="K83" s="427"/>
      <c r="L83" s="427"/>
    </row>
    <row r="84" spans="1:12" s="21" customFormat="1" x14ac:dyDescent="0.15">
      <c r="A84" s="243"/>
      <c r="B84" s="1"/>
      <c r="C84" s="427" t="s">
        <v>32</v>
      </c>
      <c r="D84" s="427"/>
      <c r="E84" s="427"/>
      <c r="F84" s="427"/>
      <c r="G84" s="427"/>
      <c r="H84"/>
      <c r="I84"/>
      <c r="J84" s="427" t="s">
        <v>273</v>
      </c>
      <c r="K84" s="427"/>
      <c r="L84" s="427"/>
    </row>
    <row r="85" spans="1:12" s="21" customFormat="1" x14ac:dyDescent="0.15">
      <c r="A85" s="243"/>
      <c r="B85" s="1"/>
      <c r="C85" s="427" t="s">
        <v>21</v>
      </c>
      <c r="D85" s="427"/>
      <c r="E85" s="427"/>
      <c r="F85" s="427"/>
      <c r="H85" s="297"/>
      <c r="I85" s="297"/>
      <c r="J85" s="427" t="s">
        <v>275</v>
      </c>
      <c r="K85" s="427"/>
      <c r="L85" s="427"/>
    </row>
    <row r="86" spans="1:12" s="21" customFormat="1" x14ac:dyDescent="0.15">
      <c r="A86" s="243"/>
      <c r="B86" s="1"/>
      <c r="C86" s="427" t="s">
        <v>23</v>
      </c>
      <c r="D86" s="427"/>
      <c r="E86" s="427"/>
      <c r="F86" s="427"/>
      <c r="G86" s="297"/>
      <c r="H86" s="297"/>
      <c r="I86" s="297"/>
      <c r="J86" s="427" t="s">
        <v>277</v>
      </c>
      <c r="K86" s="427"/>
      <c r="L86" s="427"/>
    </row>
    <row r="87" spans="1:12" s="21" customFormat="1" x14ac:dyDescent="0.15">
      <c r="A87" s="243"/>
      <c r="B87" s="1"/>
      <c r="C87" s="427" t="s">
        <v>25</v>
      </c>
      <c r="D87" s="427"/>
      <c r="E87" s="427"/>
      <c r="F87" s="427"/>
      <c r="G87" s="297"/>
      <c r="H87" s="297"/>
      <c r="I87" s="297"/>
      <c r="J87" s="427" t="s">
        <v>279</v>
      </c>
      <c r="K87" s="427"/>
      <c r="L87" s="427"/>
    </row>
    <row r="88" spans="1:12" s="21" customFormat="1" x14ac:dyDescent="0.15">
      <c r="A88" s="243"/>
      <c r="B88" s="1"/>
      <c r="C88" s="427" t="s">
        <v>27</v>
      </c>
      <c r="D88" s="427"/>
      <c r="E88" s="427"/>
      <c r="F88" s="427"/>
      <c r="G88" s="297"/>
      <c r="H88" s="297"/>
      <c r="I88" s="297"/>
      <c r="J88" s="51"/>
      <c r="K88" s="54"/>
      <c r="L88" s="5"/>
    </row>
    <row r="89" spans="1:12" s="21" customFormat="1" x14ac:dyDescent="0.15">
      <c r="A89" s="243"/>
      <c r="B89" s="1"/>
      <c r="C89" s="427" t="s">
        <v>29</v>
      </c>
      <c r="D89" s="427"/>
      <c r="E89" s="427"/>
      <c r="F89" s="427"/>
      <c r="G89" s="297"/>
      <c r="H89" s="297"/>
      <c r="I89" s="297"/>
      <c r="J89" s="51"/>
      <c r="K89" s="54"/>
      <c r="L89" s="5"/>
    </row>
    <row r="90" spans="1:12" s="21" customFormat="1" x14ac:dyDescent="0.15">
      <c r="A90" s="243"/>
      <c r="B90" s="1"/>
      <c r="C90" s="427" t="s">
        <v>31</v>
      </c>
      <c r="D90" s="427"/>
      <c r="E90" s="427"/>
      <c r="F90" s="427"/>
      <c r="G90" s="427"/>
      <c r="H90" s="297"/>
      <c r="I90" s="297"/>
      <c r="J90" s="51"/>
      <c r="K90" s="54"/>
      <c r="L90" s="5"/>
    </row>
    <row r="91" spans="1:12" s="21" customFormat="1" x14ac:dyDescent="0.15">
      <c r="A91" s="243"/>
      <c r="B91" s="1"/>
      <c r="C91" s="40"/>
      <c r="D91" s="40"/>
      <c r="E91" s="40"/>
      <c r="F91" s="40"/>
      <c r="G91" s="40"/>
      <c r="H91" s="40"/>
      <c r="I91" s="40"/>
      <c r="J91" s="40"/>
      <c r="K91" s="50"/>
      <c r="L91" s="40"/>
    </row>
    <row r="92" spans="1:12" s="21" customFormat="1" ht="19.5" x14ac:dyDescent="0.15">
      <c r="A92" s="243"/>
      <c r="B92" s="55" t="s">
        <v>33</v>
      </c>
      <c r="C92" s="56"/>
      <c r="D92" s="57"/>
      <c r="E92" s="57"/>
      <c r="F92" s="57"/>
      <c r="G92" s="57"/>
      <c r="H92" s="58"/>
      <c r="I92" s="58"/>
      <c r="J92" s="59"/>
      <c r="K92" s="59"/>
      <c r="L92" s="59"/>
    </row>
    <row r="93" spans="1:12" s="21" customFormat="1" x14ac:dyDescent="0.15">
      <c r="A93" s="243"/>
      <c r="B93" s="1"/>
      <c r="C93" s="62"/>
      <c r="D93" s="3"/>
      <c r="E93" s="3"/>
      <c r="F93" s="3"/>
      <c r="G93" s="3"/>
      <c r="H93" s="286"/>
      <c r="I93" s="286"/>
      <c r="J93" s="63"/>
      <c r="K93" s="31"/>
      <c r="L93" s="63"/>
    </row>
    <row r="94" spans="1:12" s="21" customFormat="1" x14ac:dyDescent="0.15">
      <c r="A94" s="243"/>
      <c r="B94" s="236" t="s">
        <v>1028</v>
      </c>
      <c r="C94" s="62"/>
      <c r="D94" s="3"/>
      <c r="E94" s="3"/>
      <c r="F94" s="3"/>
      <c r="G94" s="3"/>
      <c r="H94" s="286"/>
      <c r="I94" s="286"/>
      <c r="J94" s="63"/>
      <c r="K94" s="63"/>
      <c r="L94" s="63"/>
    </row>
    <row r="95" spans="1:12" s="21" customFormat="1" ht="18.75" customHeight="1" x14ac:dyDescent="0.15">
      <c r="A95" s="243"/>
      <c r="B95" s="18"/>
      <c r="C95" s="62"/>
      <c r="D95" s="3"/>
      <c r="E95" s="3"/>
      <c r="F95" s="3"/>
      <c r="G95" s="3"/>
      <c r="H95" s="286"/>
      <c r="I95" s="286"/>
      <c r="J95" s="59"/>
      <c r="K95" s="59"/>
      <c r="L95" s="240"/>
    </row>
    <row r="96" spans="1:12" s="21" customFormat="1" ht="27" x14ac:dyDescent="0.15">
      <c r="A96" s="243"/>
      <c r="B96" s="18"/>
      <c r="C96" s="62"/>
      <c r="D96" s="3"/>
      <c r="E96" s="3"/>
      <c r="F96" s="3"/>
      <c r="G96" s="3"/>
      <c r="H96" s="286"/>
      <c r="I96" s="286"/>
      <c r="J96" s="64" t="s">
        <v>35</v>
      </c>
      <c r="K96" s="65"/>
      <c r="L96" s="262" t="s">
        <v>1051</v>
      </c>
    </row>
    <row r="97" spans="1:22" s="21" customFormat="1" x14ac:dyDescent="0.15">
      <c r="A97" s="243"/>
      <c r="B97" s="1"/>
      <c r="C97" s="3"/>
      <c r="D97" s="3"/>
      <c r="E97" s="3"/>
      <c r="F97" s="3"/>
      <c r="G97" s="3"/>
      <c r="H97" s="286"/>
      <c r="I97" s="67" t="s">
        <v>36</v>
      </c>
      <c r="J97" s="68"/>
      <c r="K97" s="69"/>
      <c r="L97" s="262" t="s">
        <v>1052</v>
      </c>
    </row>
    <row r="98" spans="1:22" s="21" customFormat="1" ht="54" customHeight="1" x14ac:dyDescent="0.15">
      <c r="A98" s="244" t="s">
        <v>609</v>
      </c>
      <c r="B98" s="1"/>
      <c r="C98" s="324" t="s">
        <v>37</v>
      </c>
      <c r="D98" s="325"/>
      <c r="E98" s="325"/>
      <c r="F98" s="325"/>
      <c r="G98" s="325"/>
      <c r="H98" s="326"/>
      <c r="I98" s="293" t="s">
        <v>38</v>
      </c>
      <c r="J98" s="260" t="s">
        <v>1046</v>
      </c>
      <c r="K98" s="72"/>
      <c r="L98" s="255"/>
    </row>
    <row r="99" spans="1:22" s="21" customFormat="1" ht="19.5" x14ac:dyDescent="0.15">
      <c r="A99" s="243"/>
      <c r="B99" s="75"/>
      <c r="C99" s="62"/>
      <c r="D99" s="3"/>
      <c r="E99" s="3"/>
      <c r="F99" s="3"/>
      <c r="G99" s="3"/>
      <c r="H99" s="286"/>
      <c r="I99" s="286"/>
      <c r="J99" s="63"/>
      <c r="K99" s="63"/>
      <c r="L99" s="61"/>
    </row>
    <row r="100" spans="1:22" s="21" customFormat="1" ht="19.5" x14ac:dyDescent="0.15">
      <c r="A100" s="243"/>
      <c r="B100" s="75"/>
      <c r="C100" s="62"/>
      <c r="D100" s="3"/>
      <c r="E100" s="3"/>
      <c r="F100" s="3"/>
      <c r="G100" s="3"/>
      <c r="H100" s="286"/>
      <c r="I100" s="286"/>
      <c r="J100" s="63"/>
      <c r="K100" s="63"/>
      <c r="L100" s="61"/>
    </row>
    <row r="101" spans="1:22" s="21" customFormat="1" ht="19.5" x14ac:dyDescent="0.15">
      <c r="A101" s="243"/>
      <c r="B101" s="75"/>
      <c r="C101" s="62"/>
      <c r="D101" s="3"/>
      <c r="E101" s="3"/>
      <c r="F101" s="3"/>
      <c r="G101" s="3"/>
      <c r="H101" s="286"/>
      <c r="I101" s="286"/>
      <c r="J101" s="63"/>
      <c r="K101" s="63"/>
      <c r="L101" s="61"/>
    </row>
    <row r="102" spans="1:22" x14ac:dyDescent="0.15">
      <c r="A102" s="243"/>
      <c r="B102" s="18" t="s">
        <v>39</v>
      </c>
      <c r="C102" s="18"/>
      <c r="D102" s="18"/>
      <c r="E102" s="18"/>
      <c r="F102" s="18"/>
      <c r="G102" s="18"/>
      <c r="H102" s="14"/>
      <c r="I102" s="14"/>
      <c r="L102" s="76"/>
      <c r="M102" s="8"/>
      <c r="N102" s="8"/>
      <c r="O102" s="8"/>
      <c r="P102" s="8"/>
      <c r="Q102" s="8"/>
      <c r="R102" s="8"/>
      <c r="S102" s="8"/>
      <c r="T102" s="8"/>
      <c r="U102" s="8"/>
      <c r="V102" s="8"/>
    </row>
    <row r="103" spans="1:22" x14ac:dyDescent="0.15">
      <c r="A103" s="243"/>
      <c r="B103" s="18"/>
      <c r="C103" s="18"/>
      <c r="D103" s="18"/>
      <c r="E103" s="18"/>
      <c r="F103" s="18"/>
      <c r="G103" s="18"/>
      <c r="H103" s="14"/>
      <c r="I103" s="14"/>
      <c r="L103" s="240"/>
      <c r="M103" s="8"/>
      <c r="N103" s="8"/>
      <c r="O103" s="8"/>
      <c r="P103" s="8"/>
      <c r="Q103" s="8"/>
      <c r="R103" s="8"/>
      <c r="S103" s="8"/>
      <c r="T103" s="8"/>
      <c r="U103" s="8"/>
      <c r="V103" s="8"/>
    </row>
    <row r="104" spans="1:22" ht="34.5" customHeight="1" x14ac:dyDescent="0.15">
      <c r="A104" s="243"/>
      <c r="B104" s="18"/>
      <c r="C104" s="3"/>
      <c r="D104" s="3"/>
      <c r="F104" s="3"/>
      <c r="G104" s="3"/>
      <c r="H104" s="286"/>
      <c r="J104" s="77" t="s">
        <v>35</v>
      </c>
      <c r="K104" s="78"/>
      <c r="L104" s="66" t="s">
        <v>1051</v>
      </c>
      <c r="M104" s="8"/>
      <c r="N104" s="8"/>
      <c r="O104" s="8"/>
      <c r="P104" s="8"/>
      <c r="Q104" s="8"/>
      <c r="R104" s="8"/>
      <c r="S104" s="8"/>
      <c r="T104" s="8"/>
      <c r="U104" s="8"/>
      <c r="V104" s="8"/>
    </row>
    <row r="105" spans="1:22" ht="20.25" customHeight="1" x14ac:dyDescent="0.15">
      <c r="A105" s="243"/>
      <c r="B105" s="1"/>
      <c r="C105" s="62"/>
      <c r="D105" s="3"/>
      <c r="F105" s="3"/>
      <c r="G105" s="3"/>
      <c r="H105" s="286"/>
      <c r="I105" s="67" t="s">
        <v>40</v>
      </c>
      <c r="J105" s="68"/>
      <c r="K105" s="79"/>
      <c r="L105" s="70" t="s">
        <v>1052</v>
      </c>
      <c r="M105" s="8"/>
      <c r="N105" s="8"/>
      <c r="O105" s="8"/>
      <c r="P105" s="8"/>
      <c r="Q105" s="8"/>
      <c r="R105" s="8"/>
      <c r="S105" s="8"/>
      <c r="T105" s="8"/>
      <c r="U105" s="8"/>
      <c r="V105" s="8"/>
    </row>
    <row r="106" spans="1:22" s="83" customFormat="1" ht="34.5" customHeight="1" x14ac:dyDescent="0.15">
      <c r="A106" s="244" t="s">
        <v>610</v>
      </c>
      <c r="B106" s="1"/>
      <c r="C106" s="343" t="s">
        <v>41</v>
      </c>
      <c r="D106" s="345"/>
      <c r="E106" s="429" t="s">
        <v>42</v>
      </c>
      <c r="F106" s="430"/>
      <c r="G106" s="430"/>
      <c r="H106" s="431"/>
      <c r="I106" s="423" t="s">
        <v>43</v>
      </c>
      <c r="J106" s="256">
        <f t="shared" ref="J106:J118" si="0">IF(SUM(L106:L106)=0,IF(COUNTIF(L106:L106,"未確認")&gt;0,"未確認",IF(COUNTIF(L106:L106,"~*")&gt;0,"*",SUM(L106:L106))),SUM(L106:L106))</f>
        <v>2</v>
      </c>
      <c r="K106" s="237" t="str">
        <f>IF(OR(COUNTIF(L106:L106,"未確認")&gt;0,COUNTIF(L106:L106,"~*")&gt;0),"※","")</f>
        <v/>
      </c>
      <c r="L106" s="258">
        <v>2</v>
      </c>
    </row>
    <row r="107" spans="1:22" s="83" customFormat="1" ht="34.5" customHeight="1" x14ac:dyDescent="0.15">
      <c r="A107" s="244" t="s">
        <v>611</v>
      </c>
      <c r="B107" s="84"/>
      <c r="C107" s="400"/>
      <c r="D107" s="401"/>
      <c r="E107" s="413"/>
      <c r="F107" s="414"/>
      <c r="G107" s="419" t="s">
        <v>44</v>
      </c>
      <c r="H107" s="421"/>
      <c r="I107" s="424"/>
      <c r="J107" s="256">
        <f t="shared" si="0"/>
        <v>0</v>
      </c>
      <c r="K107" s="237" t="str">
        <f>IF(OR(COUNTIF(L107:L107,"未確認")&gt;0,COUNTIF(L107:L107,"~*")&gt;0),"※","")</f>
        <v/>
      </c>
      <c r="L107" s="258">
        <v>0</v>
      </c>
    </row>
    <row r="108" spans="1:22" s="83" customFormat="1" ht="34.5" customHeight="1" x14ac:dyDescent="0.15">
      <c r="A108" s="244" t="s">
        <v>610</v>
      </c>
      <c r="B108" s="84"/>
      <c r="C108" s="400"/>
      <c r="D108" s="401"/>
      <c r="E108" s="324" t="s">
        <v>45</v>
      </c>
      <c r="F108" s="325"/>
      <c r="G108" s="325"/>
      <c r="H108" s="326"/>
      <c r="I108" s="424"/>
      <c r="J108" s="256">
        <f t="shared" si="0"/>
        <v>0</v>
      </c>
      <c r="K108" s="237" t="str">
        <f>IF(OR(COUNTIF(L108:L108,"未確認")&gt;0,COUNTIF(L108:L108,"~*")&gt;0),"※","")</f>
        <v/>
      </c>
      <c r="L108" s="258">
        <v>0</v>
      </c>
    </row>
    <row r="109" spans="1:22" s="83" customFormat="1" ht="34.5" customHeight="1" x14ac:dyDescent="0.15">
      <c r="A109" s="244" t="s">
        <v>610</v>
      </c>
      <c r="B109" s="84"/>
      <c r="C109" s="381"/>
      <c r="D109" s="383"/>
      <c r="E109" s="327" t="s">
        <v>612</v>
      </c>
      <c r="F109" s="328"/>
      <c r="G109" s="328"/>
      <c r="H109" s="329"/>
      <c r="I109" s="424"/>
      <c r="J109" s="256">
        <f t="shared" si="0"/>
        <v>2</v>
      </c>
      <c r="K109" s="237" t="str">
        <f t="shared" ref="K109:K118" si="1">IF(OR(COUNTIF(L108:L108,"未確認")&gt;0,COUNTIF(L108:L108,"~*")&gt;0),"※","")</f>
        <v/>
      </c>
      <c r="L109" s="258">
        <v>2</v>
      </c>
    </row>
    <row r="110" spans="1:22" s="83" customFormat="1" ht="34.5" customHeight="1" x14ac:dyDescent="0.15">
      <c r="A110" s="244" t="s">
        <v>613</v>
      </c>
      <c r="B110" s="84"/>
      <c r="C110" s="343" t="s">
        <v>46</v>
      </c>
      <c r="D110" s="345"/>
      <c r="E110" s="343" t="s">
        <v>42</v>
      </c>
      <c r="F110" s="344"/>
      <c r="G110" s="344"/>
      <c r="H110" s="345"/>
      <c r="I110" s="424"/>
      <c r="J110" s="256">
        <f t="shared" si="0"/>
        <v>48</v>
      </c>
      <c r="K110" s="237" t="str">
        <f t="shared" si="1"/>
        <v/>
      </c>
      <c r="L110" s="258">
        <v>48</v>
      </c>
    </row>
    <row r="111" spans="1:22" s="83" customFormat="1" ht="34.5" customHeight="1" x14ac:dyDescent="0.15">
      <c r="A111" s="244" t="s">
        <v>614</v>
      </c>
      <c r="B111" s="84"/>
      <c r="C111" s="400"/>
      <c r="D111" s="401"/>
      <c r="E111" s="432"/>
      <c r="F111" s="433"/>
      <c r="G111" s="324" t="s">
        <v>47</v>
      </c>
      <c r="H111" s="326"/>
      <c r="I111" s="424"/>
      <c r="J111" s="256">
        <f t="shared" si="0"/>
        <v>48</v>
      </c>
      <c r="K111" s="237" t="str">
        <f t="shared" si="1"/>
        <v/>
      </c>
      <c r="L111" s="258">
        <v>48</v>
      </c>
    </row>
    <row r="112" spans="1:22" s="83" customFormat="1" ht="34.5" customHeight="1" x14ac:dyDescent="0.15">
      <c r="A112" s="244" t="s">
        <v>615</v>
      </c>
      <c r="B112" s="84"/>
      <c r="C112" s="400"/>
      <c r="D112" s="401"/>
      <c r="E112" s="432"/>
      <c r="F112" s="414"/>
      <c r="G112" s="324" t="s">
        <v>48</v>
      </c>
      <c r="H112" s="326"/>
      <c r="I112" s="424"/>
      <c r="J112" s="256">
        <f t="shared" si="0"/>
        <v>0</v>
      </c>
      <c r="K112" s="237" t="str">
        <f t="shared" si="1"/>
        <v/>
      </c>
      <c r="L112" s="258">
        <v>0</v>
      </c>
    </row>
    <row r="113" spans="1:22" s="83" customFormat="1" ht="34.5" customHeight="1" x14ac:dyDescent="0.15">
      <c r="A113" s="244" t="s">
        <v>613</v>
      </c>
      <c r="B113" s="84"/>
      <c r="C113" s="400"/>
      <c r="D113" s="401"/>
      <c r="E113" s="343" t="s">
        <v>45</v>
      </c>
      <c r="F113" s="344"/>
      <c r="G113" s="344"/>
      <c r="H113" s="345"/>
      <c r="I113" s="424"/>
      <c r="J113" s="256">
        <f t="shared" si="0"/>
        <v>48</v>
      </c>
      <c r="K113" s="237" t="str">
        <f t="shared" si="1"/>
        <v/>
      </c>
      <c r="L113" s="258">
        <v>48</v>
      </c>
    </row>
    <row r="114" spans="1:22" s="83" customFormat="1" ht="34.5" customHeight="1" x14ac:dyDescent="0.15">
      <c r="A114" s="244" t="s">
        <v>614</v>
      </c>
      <c r="B114" s="84"/>
      <c r="C114" s="400"/>
      <c r="D114" s="401"/>
      <c r="E114" s="432"/>
      <c r="F114" s="433"/>
      <c r="G114" s="324" t="s">
        <v>47</v>
      </c>
      <c r="H114" s="326"/>
      <c r="I114" s="424"/>
      <c r="J114" s="256">
        <f t="shared" si="0"/>
        <v>48</v>
      </c>
      <c r="K114" s="237" t="str">
        <f t="shared" si="1"/>
        <v/>
      </c>
      <c r="L114" s="258">
        <v>48</v>
      </c>
    </row>
    <row r="115" spans="1:22" s="83" customFormat="1" ht="34.5" customHeight="1" x14ac:dyDescent="0.15">
      <c r="A115" s="244" t="s">
        <v>615</v>
      </c>
      <c r="B115" s="84"/>
      <c r="C115" s="400"/>
      <c r="D115" s="401"/>
      <c r="E115" s="413"/>
      <c r="F115" s="414"/>
      <c r="G115" s="324" t="s">
        <v>48</v>
      </c>
      <c r="H115" s="326"/>
      <c r="I115" s="424"/>
      <c r="J115" s="256">
        <f t="shared" si="0"/>
        <v>0</v>
      </c>
      <c r="K115" s="237" t="str">
        <f t="shared" si="1"/>
        <v/>
      </c>
      <c r="L115" s="258">
        <v>0</v>
      </c>
    </row>
    <row r="116" spans="1:22" s="83" customFormat="1" ht="34.5" customHeight="1" x14ac:dyDescent="0.15">
      <c r="A116" s="244" t="s">
        <v>613</v>
      </c>
      <c r="B116" s="84"/>
      <c r="C116" s="400"/>
      <c r="D116" s="401"/>
      <c r="E116" s="332" t="s">
        <v>612</v>
      </c>
      <c r="F116" s="333"/>
      <c r="G116" s="333"/>
      <c r="H116" s="334"/>
      <c r="I116" s="424"/>
      <c r="J116" s="256">
        <f t="shared" si="0"/>
        <v>48</v>
      </c>
      <c r="K116" s="237" t="str">
        <f t="shared" si="1"/>
        <v/>
      </c>
      <c r="L116" s="258">
        <v>48</v>
      </c>
    </row>
    <row r="117" spans="1:22" s="83" customFormat="1" ht="34.5" customHeight="1" x14ac:dyDescent="0.15">
      <c r="A117" s="244" t="s">
        <v>614</v>
      </c>
      <c r="B117" s="84"/>
      <c r="C117" s="400"/>
      <c r="D117" s="401"/>
      <c r="E117" s="436"/>
      <c r="F117" s="437"/>
      <c r="G117" s="327" t="s">
        <v>47</v>
      </c>
      <c r="H117" s="329"/>
      <c r="I117" s="424"/>
      <c r="J117" s="256">
        <f t="shared" si="0"/>
        <v>48</v>
      </c>
      <c r="K117" s="237" t="str">
        <f t="shared" si="1"/>
        <v/>
      </c>
      <c r="L117" s="258">
        <v>48</v>
      </c>
    </row>
    <row r="118" spans="1:22" s="83" customFormat="1" ht="34.5" customHeight="1" x14ac:dyDescent="0.15">
      <c r="A118" s="244" t="s">
        <v>615</v>
      </c>
      <c r="B118" s="84"/>
      <c r="C118" s="381"/>
      <c r="D118" s="383"/>
      <c r="E118" s="415"/>
      <c r="F118" s="416"/>
      <c r="G118" s="327" t="s">
        <v>48</v>
      </c>
      <c r="H118" s="329"/>
      <c r="I118" s="424"/>
      <c r="J118" s="256">
        <f t="shared" si="0"/>
        <v>0</v>
      </c>
      <c r="K118" s="237" t="str">
        <f t="shared" si="1"/>
        <v/>
      </c>
      <c r="L118" s="258">
        <v>0</v>
      </c>
    </row>
    <row r="119" spans="1:22" s="83" customFormat="1" ht="315" customHeight="1" x14ac:dyDescent="0.15">
      <c r="A119" s="244" t="s">
        <v>616</v>
      </c>
      <c r="B119" s="84"/>
      <c r="C119" s="419" t="s">
        <v>49</v>
      </c>
      <c r="D119" s="420"/>
      <c r="E119" s="420"/>
      <c r="F119" s="420"/>
      <c r="G119" s="420"/>
      <c r="H119" s="421"/>
      <c r="I119" s="425"/>
      <c r="J119" s="85"/>
      <c r="K119" s="86" t="s">
        <v>542</v>
      </c>
      <c r="L119" s="257" t="s">
        <v>533</v>
      </c>
    </row>
    <row r="120" spans="1:22" s="91" customFormat="1" x14ac:dyDescent="0.15">
      <c r="A120" s="243"/>
      <c r="B120" s="18"/>
      <c r="C120" s="18"/>
      <c r="D120" s="18"/>
      <c r="E120" s="18"/>
      <c r="F120" s="18"/>
      <c r="G120" s="18"/>
      <c r="H120" s="14"/>
      <c r="I120" s="14"/>
      <c r="J120" s="88"/>
      <c r="K120" s="89"/>
      <c r="L120" s="90"/>
    </row>
    <row r="121" spans="1:22" s="83" customFormat="1" x14ac:dyDescent="0.15">
      <c r="A121" s="243"/>
      <c r="B121" s="84"/>
      <c r="C121" s="62"/>
      <c r="D121" s="62"/>
      <c r="E121" s="62"/>
      <c r="F121" s="62"/>
      <c r="G121" s="62"/>
      <c r="H121" s="92"/>
      <c r="I121" s="92"/>
      <c r="J121" s="88"/>
      <c r="K121" s="89"/>
      <c r="L121" s="90"/>
    </row>
    <row r="122" spans="1:22" s="21" customFormat="1" x14ac:dyDescent="0.15">
      <c r="A122" s="243"/>
      <c r="B122" s="1"/>
      <c r="C122" s="62"/>
      <c r="D122" s="3"/>
      <c r="E122" s="3"/>
      <c r="F122" s="3"/>
      <c r="G122" s="3"/>
      <c r="H122" s="286"/>
      <c r="I122" s="286"/>
      <c r="J122" s="63"/>
      <c r="K122" s="31"/>
      <c r="L122" s="61"/>
    </row>
    <row r="123" spans="1:22" s="91" customFormat="1" x14ac:dyDescent="0.15">
      <c r="A123" s="243"/>
      <c r="B123" s="18" t="s">
        <v>50</v>
      </c>
      <c r="C123" s="18"/>
      <c r="D123" s="18"/>
      <c r="E123" s="18"/>
      <c r="F123" s="18"/>
      <c r="G123" s="18"/>
      <c r="H123" s="14"/>
      <c r="I123" s="14"/>
      <c r="J123" s="88"/>
      <c r="K123" s="89"/>
      <c r="L123" s="90"/>
    </row>
    <row r="124" spans="1:22" x14ac:dyDescent="0.15">
      <c r="A124" s="243"/>
      <c r="B124" s="18"/>
      <c r="C124" s="18"/>
      <c r="D124" s="18"/>
      <c r="E124" s="18"/>
      <c r="F124" s="18"/>
      <c r="G124" s="18"/>
      <c r="H124" s="14"/>
      <c r="I124" s="14"/>
      <c r="L124" s="240"/>
      <c r="M124" s="8"/>
      <c r="N124" s="8"/>
      <c r="O124" s="8"/>
      <c r="P124" s="8"/>
      <c r="Q124" s="8"/>
      <c r="R124" s="8"/>
      <c r="S124" s="8"/>
      <c r="T124" s="8"/>
      <c r="U124" s="8"/>
      <c r="V124" s="8"/>
    </row>
    <row r="125" spans="1:22" ht="34.5" customHeight="1" x14ac:dyDescent="0.15">
      <c r="A125" s="243"/>
      <c r="B125" s="18"/>
      <c r="C125" s="3"/>
      <c r="D125" s="3"/>
      <c r="F125" s="3"/>
      <c r="G125" s="3"/>
      <c r="H125" s="286"/>
      <c r="I125" s="67"/>
      <c r="J125" s="93" t="s">
        <v>35</v>
      </c>
      <c r="K125" s="78"/>
      <c r="L125" s="66" t="s">
        <v>1051</v>
      </c>
      <c r="M125" s="8"/>
      <c r="N125" s="8"/>
      <c r="O125" s="8"/>
      <c r="P125" s="8"/>
      <c r="Q125" s="8"/>
      <c r="R125" s="8"/>
      <c r="S125" s="8"/>
      <c r="T125" s="8"/>
      <c r="U125" s="8"/>
      <c r="V125" s="8"/>
    </row>
    <row r="126" spans="1:22" ht="20.25" customHeight="1" x14ac:dyDescent="0.15">
      <c r="A126" s="243"/>
      <c r="B126" s="1"/>
      <c r="C126" s="3"/>
      <c r="D126" s="3"/>
      <c r="F126" s="3"/>
      <c r="G126" s="3"/>
      <c r="H126" s="286"/>
      <c r="I126" s="67" t="s">
        <v>40</v>
      </c>
      <c r="J126" s="94"/>
      <c r="K126" s="79"/>
      <c r="L126" s="70" t="s">
        <v>1052</v>
      </c>
      <c r="M126" s="8"/>
      <c r="N126" s="8"/>
      <c r="O126" s="8"/>
      <c r="P126" s="8"/>
      <c r="Q126" s="8"/>
      <c r="R126" s="8"/>
      <c r="S126" s="8"/>
      <c r="T126" s="8"/>
      <c r="U126" s="8"/>
      <c r="V126" s="8"/>
    </row>
    <row r="127" spans="1:22" s="83" customFormat="1" ht="40.5" customHeight="1" x14ac:dyDescent="0.15">
      <c r="A127" s="244" t="s">
        <v>617</v>
      </c>
      <c r="B127" s="1"/>
      <c r="C127" s="343" t="s">
        <v>51</v>
      </c>
      <c r="D127" s="344"/>
      <c r="E127" s="344"/>
      <c r="F127" s="344"/>
      <c r="G127" s="344"/>
      <c r="H127" s="345"/>
      <c r="I127" s="335" t="s">
        <v>52</v>
      </c>
      <c r="J127" s="96"/>
      <c r="K127" s="97"/>
      <c r="L127" s="259" t="s">
        <v>1047</v>
      </c>
    </row>
    <row r="128" spans="1:22" s="83" customFormat="1" ht="40.5" customHeight="1" x14ac:dyDescent="0.15">
      <c r="A128" s="244" t="s">
        <v>618</v>
      </c>
      <c r="B128" s="1"/>
      <c r="C128" s="294"/>
      <c r="D128" s="296"/>
      <c r="E128" s="343" t="s">
        <v>53</v>
      </c>
      <c r="F128" s="344"/>
      <c r="G128" s="344"/>
      <c r="H128" s="345"/>
      <c r="I128" s="358"/>
      <c r="J128" s="101"/>
      <c r="K128" s="102"/>
      <c r="L128" s="98" t="s">
        <v>533</v>
      </c>
    </row>
    <row r="129" spans="1:22" s="83" customFormat="1" ht="40.5" customHeight="1" x14ac:dyDescent="0.15">
      <c r="A129" s="244" t="s">
        <v>619</v>
      </c>
      <c r="B129" s="1"/>
      <c r="C129" s="294"/>
      <c r="D129" s="296"/>
      <c r="E129" s="400"/>
      <c r="F129" s="422"/>
      <c r="G129" s="422"/>
      <c r="H129" s="401"/>
      <c r="I129" s="358"/>
      <c r="J129" s="101"/>
      <c r="K129" s="102"/>
      <c r="L129" s="98" t="s">
        <v>533</v>
      </c>
    </row>
    <row r="130" spans="1:22" s="83" customFormat="1" ht="40.5" customHeight="1" x14ac:dyDescent="0.15">
      <c r="A130" s="244" t="s">
        <v>620</v>
      </c>
      <c r="B130" s="1"/>
      <c r="C130" s="288"/>
      <c r="D130" s="289"/>
      <c r="E130" s="381"/>
      <c r="F130" s="382"/>
      <c r="G130" s="382"/>
      <c r="H130" s="383"/>
      <c r="I130" s="350"/>
      <c r="J130" s="105"/>
      <c r="K130" s="106"/>
      <c r="L130" s="98" t="s">
        <v>533</v>
      </c>
    </row>
    <row r="131" spans="1:22" s="91" customFormat="1" x14ac:dyDescent="0.15">
      <c r="A131" s="243"/>
      <c r="B131" s="18"/>
      <c r="C131" s="18"/>
      <c r="D131" s="18"/>
      <c r="E131" s="18"/>
      <c r="F131" s="18"/>
      <c r="G131" s="18"/>
      <c r="H131" s="14"/>
      <c r="I131" s="14"/>
      <c r="J131" s="88"/>
      <c r="K131" s="89"/>
      <c r="L131" s="90"/>
    </row>
    <row r="132" spans="1:22" s="83" customFormat="1" x14ac:dyDescent="0.15">
      <c r="A132" s="243"/>
      <c r="B132" s="84"/>
      <c r="C132" s="62"/>
      <c r="D132" s="62"/>
      <c r="E132" s="62"/>
      <c r="F132" s="62"/>
      <c r="G132" s="62"/>
      <c r="H132" s="92"/>
      <c r="I132" s="92"/>
      <c r="J132" s="88"/>
      <c r="K132" s="89"/>
      <c r="L132" s="90"/>
    </row>
    <row r="133" spans="1:22" s="21" customFormat="1" x14ac:dyDescent="0.15">
      <c r="A133" s="243"/>
      <c r="B133" s="1"/>
      <c r="C133" s="62"/>
      <c r="D133" s="3"/>
      <c r="E133" s="3"/>
      <c r="F133" s="3"/>
      <c r="G133" s="3"/>
      <c r="H133" s="286"/>
      <c r="I133" s="286"/>
      <c r="J133" s="63"/>
      <c r="K133" s="31"/>
      <c r="L133" s="61"/>
    </row>
    <row r="134" spans="1:22" s="91" customFormat="1" x14ac:dyDescent="0.15">
      <c r="A134" s="279"/>
      <c r="B134" s="18" t="s">
        <v>54</v>
      </c>
      <c r="C134" s="107"/>
      <c r="D134" s="107"/>
      <c r="E134" s="107"/>
      <c r="F134" s="107"/>
      <c r="G134" s="107"/>
      <c r="H134" s="14"/>
      <c r="I134" s="14"/>
      <c r="J134" s="61"/>
      <c r="K134" s="31"/>
      <c r="L134" s="108"/>
    </row>
    <row r="135" spans="1:22" x14ac:dyDescent="0.15">
      <c r="A135" s="243"/>
      <c r="B135" s="18"/>
      <c r="C135" s="18"/>
      <c r="D135" s="18"/>
      <c r="E135" s="18"/>
      <c r="F135" s="18"/>
      <c r="G135" s="18"/>
      <c r="H135" s="14"/>
      <c r="I135" s="14"/>
      <c r="L135" s="240"/>
      <c r="M135" s="8"/>
      <c r="N135" s="8"/>
      <c r="O135" s="8"/>
      <c r="P135" s="8"/>
      <c r="Q135" s="8"/>
      <c r="R135" s="8"/>
      <c r="S135" s="8"/>
      <c r="T135" s="8"/>
      <c r="U135" s="8"/>
      <c r="V135" s="8"/>
    </row>
    <row r="136" spans="1:22" ht="34.5" customHeight="1" x14ac:dyDescent="0.15">
      <c r="A136" s="243"/>
      <c r="B136" s="18"/>
      <c r="C136" s="3"/>
      <c r="D136" s="3"/>
      <c r="F136" s="3"/>
      <c r="G136" s="3"/>
      <c r="H136" s="286"/>
      <c r="I136" s="286"/>
      <c r="J136" s="77" t="s">
        <v>35</v>
      </c>
      <c r="K136" s="78"/>
      <c r="L136" s="66" t="s">
        <v>1051</v>
      </c>
      <c r="M136" s="8"/>
      <c r="N136" s="8"/>
      <c r="O136" s="8"/>
      <c r="P136" s="8"/>
      <c r="Q136" s="8"/>
      <c r="R136" s="8"/>
      <c r="S136" s="8"/>
      <c r="T136" s="8"/>
      <c r="U136" s="8"/>
      <c r="V136" s="8"/>
    </row>
    <row r="137" spans="1:22" ht="20.25" customHeight="1" x14ac:dyDescent="0.15">
      <c r="A137" s="243"/>
      <c r="B137" s="1"/>
      <c r="C137" s="62"/>
      <c r="D137" s="3"/>
      <c r="F137" s="3"/>
      <c r="G137" s="3"/>
      <c r="H137" s="286"/>
      <c r="I137" s="67" t="s">
        <v>36</v>
      </c>
      <c r="J137" s="68"/>
      <c r="K137" s="79"/>
      <c r="L137" s="70" t="s">
        <v>1052</v>
      </c>
      <c r="M137" s="8"/>
      <c r="N137" s="8"/>
      <c r="O137" s="8"/>
      <c r="P137" s="8"/>
      <c r="Q137" s="8"/>
      <c r="R137" s="8"/>
      <c r="S137" s="8"/>
      <c r="T137" s="8"/>
      <c r="U137" s="8"/>
      <c r="V137" s="8"/>
    </row>
    <row r="138" spans="1:22" s="83" customFormat="1" ht="67.5" customHeight="1" x14ac:dyDescent="0.15">
      <c r="A138" s="244" t="s">
        <v>621</v>
      </c>
      <c r="B138" s="1"/>
      <c r="C138" s="343" t="s">
        <v>56</v>
      </c>
      <c r="D138" s="344"/>
      <c r="E138" s="344"/>
      <c r="F138" s="344"/>
      <c r="G138" s="344"/>
      <c r="H138" s="345"/>
      <c r="I138" s="393" t="s">
        <v>57</v>
      </c>
      <c r="J138" s="110"/>
      <c r="K138" s="97"/>
      <c r="L138" s="259" t="s">
        <v>1048</v>
      </c>
    </row>
    <row r="139" spans="1:22" s="83" customFormat="1" ht="34.5" customHeight="1" x14ac:dyDescent="0.15">
      <c r="A139" s="244" t="s">
        <v>621</v>
      </c>
      <c r="B139" s="84"/>
      <c r="C139" s="294"/>
      <c r="D139" s="296"/>
      <c r="E139" s="324" t="s">
        <v>58</v>
      </c>
      <c r="F139" s="325"/>
      <c r="G139" s="325"/>
      <c r="H139" s="326"/>
      <c r="I139" s="393"/>
      <c r="J139" s="101"/>
      <c r="K139" s="102"/>
      <c r="L139" s="82">
        <v>48</v>
      </c>
    </row>
    <row r="140" spans="1:22" s="83" customFormat="1" ht="67.5" customHeight="1" x14ac:dyDescent="0.15">
      <c r="A140" s="244" t="s">
        <v>622</v>
      </c>
      <c r="B140" s="84"/>
      <c r="C140" s="343" t="s">
        <v>59</v>
      </c>
      <c r="D140" s="344"/>
      <c r="E140" s="344"/>
      <c r="F140" s="344"/>
      <c r="G140" s="344"/>
      <c r="H140" s="345"/>
      <c r="I140" s="393"/>
      <c r="J140" s="101"/>
      <c r="K140" s="102"/>
      <c r="L140" s="259" t="s">
        <v>533</v>
      </c>
    </row>
    <row r="141" spans="1:22" s="83" customFormat="1" ht="34.5" customHeight="1" x14ac:dyDescent="0.15">
      <c r="A141" s="244" t="s">
        <v>622</v>
      </c>
      <c r="B141" s="84"/>
      <c r="C141" s="111"/>
      <c r="D141" s="112"/>
      <c r="E141" s="324" t="s">
        <v>60</v>
      </c>
      <c r="F141" s="325"/>
      <c r="G141" s="325"/>
      <c r="H141" s="326"/>
      <c r="I141" s="393"/>
      <c r="J141" s="101"/>
      <c r="K141" s="102"/>
      <c r="L141" s="82">
        <v>0</v>
      </c>
    </row>
    <row r="142" spans="1:22" s="83" customFormat="1" ht="67.5" customHeight="1" x14ac:dyDescent="0.15">
      <c r="A142" s="244" t="s">
        <v>623</v>
      </c>
      <c r="B142" s="84"/>
      <c r="C142" s="343" t="s">
        <v>59</v>
      </c>
      <c r="D142" s="344"/>
      <c r="E142" s="344"/>
      <c r="F142" s="344"/>
      <c r="G142" s="344"/>
      <c r="H142" s="345"/>
      <c r="I142" s="393"/>
      <c r="J142" s="101"/>
      <c r="K142" s="102"/>
      <c r="L142" s="259" t="s">
        <v>533</v>
      </c>
    </row>
    <row r="143" spans="1:22" s="83" customFormat="1" ht="34.5" customHeight="1" x14ac:dyDescent="0.15">
      <c r="A143" s="244" t="s">
        <v>623</v>
      </c>
      <c r="B143" s="84"/>
      <c r="C143" s="113"/>
      <c r="D143" s="114"/>
      <c r="E143" s="324" t="s">
        <v>60</v>
      </c>
      <c r="F143" s="325"/>
      <c r="G143" s="325"/>
      <c r="H143" s="326"/>
      <c r="I143" s="393"/>
      <c r="J143" s="101"/>
      <c r="K143" s="102"/>
      <c r="L143" s="82">
        <v>0</v>
      </c>
    </row>
    <row r="144" spans="1:22" s="83" customFormat="1" ht="34.5" customHeight="1" x14ac:dyDescent="0.15">
      <c r="A144" s="244" t="s">
        <v>624</v>
      </c>
      <c r="B144" s="84"/>
      <c r="C144" s="327" t="s">
        <v>1012</v>
      </c>
      <c r="D144" s="328"/>
      <c r="E144" s="328"/>
      <c r="F144" s="328"/>
      <c r="G144" s="328"/>
      <c r="H144" s="329"/>
      <c r="I144" s="393"/>
      <c r="J144" s="105"/>
      <c r="K144" s="106"/>
      <c r="L144" s="82">
        <v>0</v>
      </c>
    </row>
    <row r="145" spans="1:22" s="91" customFormat="1" x14ac:dyDescent="0.15">
      <c r="A145" s="243"/>
      <c r="B145" s="18"/>
      <c r="C145" s="18"/>
      <c r="D145" s="18"/>
      <c r="E145" s="18"/>
      <c r="F145" s="18"/>
      <c r="G145" s="18"/>
      <c r="H145" s="14"/>
      <c r="I145" s="14"/>
      <c r="J145" s="88"/>
      <c r="K145" s="89"/>
      <c r="L145" s="90"/>
    </row>
    <row r="146" spans="1:22" s="91" customFormat="1" x14ac:dyDescent="0.15">
      <c r="A146" s="243"/>
      <c r="B146" s="18"/>
      <c r="C146" s="18"/>
      <c r="D146" s="18"/>
      <c r="E146" s="18"/>
      <c r="F146" s="18"/>
      <c r="G146" s="18"/>
      <c r="H146" s="14"/>
      <c r="I146" s="14"/>
      <c r="J146" s="88"/>
      <c r="K146" s="89"/>
      <c r="L146" s="90"/>
    </row>
    <row r="147" spans="1:22" s="115" customFormat="1" x14ac:dyDescent="0.15">
      <c r="A147" s="243"/>
      <c r="C147" s="3"/>
      <c r="D147" s="3"/>
      <c r="E147" s="3"/>
      <c r="F147" s="3"/>
      <c r="G147" s="3"/>
      <c r="H147" s="286"/>
      <c r="I147" s="286"/>
      <c r="J147" s="61"/>
      <c r="K147" s="31"/>
      <c r="L147" s="108"/>
    </row>
    <row r="148" spans="1:22" s="115" customFormat="1" x14ac:dyDescent="0.15">
      <c r="A148" s="243"/>
      <c r="B148" s="18" t="s">
        <v>62</v>
      </c>
      <c r="C148" s="3"/>
      <c r="D148" s="3"/>
      <c r="E148" s="3"/>
      <c r="F148" s="3"/>
      <c r="G148" s="3"/>
      <c r="H148" s="286"/>
      <c r="I148" s="286"/>
      <c r="J148" s="61"/>
      <c r="K148" s="31"/>
      <c r="L148" s="108"/>
    </row>
    <row r="149" spans="1:22" x14ac:dyDescent="0.15">
      <c r="A149" s="243"/>
      <c r="B149" s="18"/>
      <c r="C149" s="18"/>
      <c r="D149" s="18"/>
      <c r="E149" s="18"/>
      <c r="F149" s="18"/>
      <c r="G149" s="18"/>
      <c r="H149" s="14"/>
      <c r="I149" s="14"/>
      <c r="L149" s="240"/>
      <c r="M149" s="8"/>
      <c r="N149" s="8"/>
      <c r="O149" s="8"/>
      <c r="P149" s="8"/>
      <c r="Q149" s="8"/>
      <c r="R149" s="8"/>
      <c r="S149" s="8"/>
      <c r="T149" s="8"/>
      <c r="U149" s="8"/>
      <c r="V149" s="8"/>
    </row>
    <row r="150" spans="1:22" ht="34.5" customHeight="1" x14ac:dyDescent="0.15">
      <c r="A150" s="243"/>
      <c r="B150" s="18"/>
      <c r="C150" s="3"/>
      <c r="D150" s="3"/>
      <c r="F150" s="3"/>
      <c r="G150" s="3"/>
      <c r="H150" s="286"/>
      <c r="I150" s="286"/>
      <c r="J150" s="77" t="s">
        <v>35</v>
      </c>
      <c r="K150" s="78"/>
      <c r="L150" s="66" t="s">
        <v>1051</v>
      </c>
      <c r="M150" s="8"/>
      <c r="N150" s="8"/>
      <c r="O150" s="8"/>
      <c r="P150" s="8"/>
      <c r="Q150" s="8"/>
      <c r="R150" s="8"/>
      <c r="S150" s="8"/>
      <c r="T150" s="8"/>
      <c r="U150" s="8"/>
      <c r="V150" s="8"/>
    </row>
    <row r="151" spans="1:22" ht="20.25" customHeight="1" x14ac:dyDescent="0.15">
      <c r="A151" s="243"/>
      <c r="B151" s="1"/>
      <c r="C151" s="62"/>
      <c r="D151" s="3"/>
      <c r="F151" s="3"/>
      <c r="G151" s="3"/>
      <c r="H151" s="286"/>
      <c r="I151" s="67" t="s">
        <v>36</v>
      </c>
      <c r="J151" s="68"/>
      <c r="K151" s="79"/>
      <c r="L151" s="70" t="s">
        <v>1052</v>
      </c>
      <c r="M151" s="8"/>
      <c r="N151" s="8"/>
      <c r="O151" s="8"/>
      <c r="P151" s="8"/>
      <c r="Q151" s="8"/>
      <c r="R151" s="8"/>
      <c r="S151" s="8"/>
      <c r="T151" s="8"/>
      <c r="U151" s="8"/>
      <c r="V151" s="8"/>
    </row>
    <row r="152" spans="1:22" s="118" customFormat="1" ht="34.5" customHeight="1" x14ac:dyDescent="0.15">
      <c r="A152" s="246" t="s">
        <v>647</v>
      </c>
      <c r="B152" s="115"/>
      <c r="C152" s="327" t="s">
        <v>555</v>
      </c>
      <c r="D152" s="328"/>
      <c r="E152" s="328"/>
      <c r="F152" s="328"/>
      <c r="G152" s="328"/>
      <c r="H152" s="329"/>
      <c r="I152" s="349" t="s">
        <v>64</v>
      </c>
      <c r="J152" s="263">
        <f t="shared" ref="J152:J183" si="2">IF(SUM(L152:L152)=0,IF(COUNTIF(L152:L152,"未確認")&gt;0,"未確認",IF(COUNTIF(L152:L152,"~*")&gt;0,"*",SUM(L152:L152))),SUM(L152:L152))</f>
        <v>0</v>
      </c>
      <c r="K152" s="264" t="str">
        <f t="shared" ref="K152:K183" si="3">IF(OR(COUNTIF(L152:L152,"未確認")&gt;0,COUNTIF(L152:L152,"~*")&gt;0),"※","")</f>
        <v/>
      </c>
      <c r="L152" s="117"/>
    </row>
    <row r="153" spans="1:22" s="118" customFormat="1" ht="34.5" customHeight="1" x14ac:dyDescent="0.15">
      <c r="A153" s="246" t="s">
        <v>648</v>
      </c>
      <c r="B153" s="115"/>
      <c r="C153" s="327" t="s">
        <v>556</v>
      </c>
      <c r="D153" s="328"/>
      <c r="E153" s="328"/>
      <c r="F153" s="328"/>
      <c r="G153" s="328"/>
      <c r="H153" s="329"/>
      <c r="I153" s="417"/>
      <c r="J153" s="263">
        <f t="shared" si="2"/>
        <v>0</v>
      </c>
      <c r="K153" s="264" t="str">
        <f t="shared" si="3"/>
        <v/>
      </c>
      <c r="L153" s="117"/>
    </row>
    <row r="154" spans="1:22" s="118" customFormat="1" ht="34.5" customHeight="1" x14ac:dyDescent="0.15">
      <c r="A154" s="246" t="s">
        <v>649</v>
      </c>
      <c r="B154" s="115"/>
      <c r="C154" s="327" t="s">
        <v>557</v>
      </c>
      <c r="D154" s="328"/>
      <c r="E154" s="328"/>
      <c r="F154" s="328"/>
      <c r="G154" s="328"/>
      <c r="H154" s="329"/>
      <c r="I154" s="417"/>
      <c r="J154" s="263">
        <f t="shared" si="2"/>
        <v>0</v>
      </c>
      <c r="K154" s="264" t="str">
        <f t="shared" si="3"/>
        <v/>
      </c>
      <c r="L154" s="117"/>
    </row>
    <row r="155" spans="1:22" s="118" customFormat="1" ht="34.5" customHeight="1" x14ac:dyDescent="0.15">
      <c r="A155" s="246" t="s">
        <v>650</v>
      </c>
      <c r="B155" s="115"/>
      <c r="C155" s="327" t="s">
        <v>558</v>
      </c>
      <c r="D155" s="328"/>
      <c r="E155" s="328"/>
      <c r="F155" s="328"/>
      <c r="G155" s="328"/>
      <c r="H155" s="329"/>
      <c r="I155" s="417"/>
      <c r="J155" s="263">
        <f t="shared" si="2"/>
        <v>0</v>
      </c>
      <c r="K155" s="264" t="str">
        <f t="shared" si="3"/>
        <v/>
      </c>
      <c r="L155" s="117"/>
    </row>
    <row r="156" spans="1:22" s="118" customFormat="1" ht="34.5" customHeight="1" x14ac:dyDescent="0.15">
      <c r="A156" s="246" t="s">
        <v>651</v>
      </c>
      <c r="B156" s="115"/>
      <c r="C156" s="327" t="s">
        <v>559</v>
      </c>
      <c r="D156" s="328"/>
      <c r="E156" s="328"/>
      <c r="F156" s="328"/>
      <c r="G156" s="328"/>
      <c r="H156" s="329"/>
      <c r="I156" s="417"/>
      <c r="J156" s="263">
        <f t="shared" si="2"/>
        <v>0</v>
      </c>
      <c r="K156" s="264" t="str">
        <f t="shared" si="3"/>
        <v/>
      </c>
      <c r="L156" s="117"/>
    </row>
    <row r="157" spans="1:22" s="118" customFormat="1" ht="34.5" customHeight="1" x14ac:dyDescent="0.15">
      <c r="A157" s="246" t="s">
        <v>652</v>
      </c>
      <c r="B157" s="115"/>
      <c r="C157" s="327" t="s">
        <v>560</v>
      </c>
      <c r="D157" s="328"/>
      <c r="E157" s="328"/>
      <c r="F157" s="328"/>
      <c r="G157" s="328"/>
      <c r="H157" s="329"/>
      <c r="I157" s="417"/>
      <c r="J157" s="263">
        <f t="shared" si="2"/>
        <v>0</v>
      </c>
      <c r="K157" s="264" t="str">
        <f t="shared" si="3"/>
        <v/>
      </c>
      <c r="L157" s="117"/>
    </row>
    <row r="158" spans="1:22" s="118" customFormat="1" ht="34.5" customHeight="1" x14ac:dyDescent="0.15">
      <c r="A158" s="246" t="s">
        <v>653</v>
      </c>
      <c r="B158" s="115"/>
      <c r="C158" s="327" t="s">
        <v>561</v>
      </c>
      <c r="D158" s="328"/>
      <c r="E158" s="328"/>
      <c r="F158" s="328"/>
      <c r="G158" s="328"/>
      <c r="H158" s="329"/>
      <c r="I158" s="417"/>
      <c r="J158" s="263">
        <f t="shared" si="2"/>
        <v>0</v>
      </c>
      <c r="K158" s="264" t="str">
        <f t="shared" si="3"/>
        <v/>
      </c>
      <c r="L158" s="117"/>
    </row>
    <row r="159" spans="1:22" s="118" customFormat="1" ht="34.5" customHeight="1" x14ac:dyDescent="0.15">
      <c r="A159" s="246" t="s">
        <v>654</v>
      </c>
      <c r="B159" s="115"/>
      <c r="C159" s="327" t="s">
        <v>562</v>
      </c>
      <c r="D159" s="328"/>
      <c r="E159" s="328"/>
      <c r="F159" s="328"/>
      <c r="G159" s="328"/>
      <c r="H159" s="329"/>
      <c r="I159" s="417"/>
      <c r="J159" s="263">
        <f t="shared" si="2"/>
        <v>0</v>
      </c>
      <c r="K159" s="264" t="str">
        <f t="shared" si="3"/>
        <v/>
      </c>
      <c r="L159" s="117"/>
    </row>
    <row r="160" spans="1:22" s="118" customFormat="1" ht="34.5" customHeight="1" x14ac:dyDescent="0.15">
      <c r="A160" s="246" t="s">
        <v>655</v>
      </c>
      <c r="B160" s="115"/>
      <c r="C160" s="327" t="s">
        <v>563</v>
      </c>
      <c r="D160" s="328"/>
      <c r="E160" s="328"/>
      <c r="F160" s="328"/>
      <c r="G160" s="328"/>
      <c r="H160" s="329"/>
      <c r="I160" s="417"/>
      <c r="J160" s="263">
        <f t="shared" si="2"/>
        <v>0</v>
      </c>
      <c r="K160" s="264" t="str">
        <f t="shared" si="3"/>
        <v/>
      </c>
      <c r="L160" s="117"/>
    </row>
    <row r="161" spans="1:12" s="118" customFormat="1" ht="34.5" customHeight="1" x14ac:dyDescent="0.15">
      <c r="A161" s="246" t="s">
        <v>656</v>
      </c>
      <c r="B161" s="115"/>
      <c r="C161" s="327" t="s">
        <v>564</v>
      </c>
      <c r="D161" s="328"/>
      <c r="E161" s="328"/>
      <c r="F161" s="328"/>
      <c r="G161" s="328"/>
      <c r="H161" s="329"/>
      <c r="I161" s="417"/>
      <c r="J161" s="263">
        <f t="shared" si="2"/>
        <v>0</v>
      </c>
      <c r="K161" s="264" t="str">
        <f t="shared" si="3"/>
        <v/>
      </c>
      <c r="L161" s="117"/>
    </row>
    <row r="162" spans="1:12" s="118" customFormat="1" ht="34.5" customHeight="1" x14ac:dyDescent="0.15">
      <c r="A162" s="246" t="s">
        <v>657</v>
      </c>
      <c r="B162" s="115"/>
      <c r="C162" s="327" t="s">
        <v>565</v>
      </c>
      <c r="D162" s="328"/>
      <c r="E162" s="328"/>
      <c r="F162" s="328"/>
      <c r="G162" s="328"/>
      <c r="H162" s="329"/>
      <c r="I162" s="417"/>
      <c r="J162" s="263">
        <f t="shared" si="2"/>
        <v>0</v>
      </c>
      <c r="K162" s="264" t="str">
        <f t="shared" si="3"/>
        <v/>
      </c>
      <c r="L162" s="117"/>
    </row>
    <row r="163" spans="1:12" s="118" customFormat="1" ht="34.5" customHeight="1" x14ac:dyDescent="0.15">
      <c r="A163" s="246" t="s">
        <v>658</v>
      </c>
      <c r="B163" s="115"/>
      <c r="C163" s="327" t="s">
        <v>635</v>
      </c>
      <c r="D163" s="328"/>
      <c r="E163" s="328"/>
      <c r="F163" s="328"/>
      <c r="G163" s="328"/>
      <c r="H163" s="329"/>
      <c r="I163" s="417"/>
      <c r="J163" s="263">
        <f t="shared" si="2"/>
        <v>0</v>
      </c>
      <c r="K163" s="264" t="str">
        <f t="shared" si="3"/>
        <v/>
      </c>
      <c r="L163" s="117"/>
    </row>
    <row r="164" spans="1:12" s="118" customFormat="1" ht="34.5" customHeight="1" x14ac:dyDescent="0.15">
      <c r="A164" s="246" t="s">
        <v>659</v>
      </c>
      <c r="B164" s="115"/>
      <c r="C164" s="327" t="s">
        <v>566</v>
      </c>
      <c r="D164" s="328"/>
      <c r="E164" s="328"/>
      <c r="F164" s="328"/>
      <c r="G164" s="328"/>
      <c r="H164" s="329"/>
      <c r="I164" s="417"/>
      <c r="J164" s="263">
        <f t="shared" si="2"/>
        <v>44</v>
      </c>
      <c r="K164" s="264" t="str">
        <f t="shared" si="3"/>
        <v/>
      </c>
      <c r="L164" s="117">
        <v>44</v>
      </c>
    </row>
    <row r="165" spans="1:12" s="118" customFormat="1" ht="34.5" customHeight="1" x14ac:dyDescent="0.15">
      <c r="A165" s="246" t="s">
        <v>661</v>
      </c>
      <c r="B165" s="115"/>
      <c r="C165" s="327" t="s">
        <v>567</v>
      </c>
      <c r="D165" s="328"/>
      <c r="E165" s="328"/>
      <c r="F165" s="328"/>
      <c r="G165" s="328"/>
      <c r="H165" s="329"/>
      <c r="I165" s="417"/>
      <c r="J165" s="263">
        <f t="shared" si="2"/>
        <v>0</v>
      </c>
      <c r="K165" s="264" t="str">
        <f t="shared" si="3"/>
        <v/>
      </c>
      <c r="L165" s="117"/>
    </row>
    <row r="166" spans="1:12" s="118" customFormat="1" ht="34.5" customHeight="1" x14ac:dyDescent="0.15">
      <c r="A166" s="246" t="s">
        <v>662</v>
      </c>
      <c r="B166" s="115"/>
      <c r="C166" s="327" t="s">
        <v>568</v>
      </c>
      <c r="D166" s="328"/>
      <c r="E166" s="328"/>
      <c r="F166" s="328"/>
      <c r="G166" s="328"/>
      <c r="H166" s="329"/>
      <c r="I166" s="417"/>
      <c r="J166" s="263">
        <f t="shared" si="2"/>
        <v>0</v>
      </c>
      <c r="K166" s="264" t="str">
        <f t="shared" si="3"/>
        <v/>
      </c>
      <c r="L166" s="117"/>
    </row>
    <row r="167" spans="1:12" s="118" customFormat="1" ht="34.5" customHeight="1" x14ac:dyDescent="0.15">
      <c r="A167" s="246" t="s">
        <v>663</v>
      </c>
      <c r="B167" s="115"/>
      <c r="C167" s="327" t="s">
        <v>636</v>
      </c>
      <c r="D167" s="328"/>
      <c r="E167" s="328"/>
      <c r="F167" s="328"/>
      <c r="G167" s="328"/>
      <c r="H167" s="329"/>
      <c r="I167" s="417"/>
      <c r="J167" s="263">
        <f t="shared" si="2"/>
        <v>0</v>
      </c>
      <c r="K167" s="264" t="str">
        <f t="shared" si="3"/>
        <v/>
      </c>
      <c r="L167" s="117"/>
    </row>
    <row r="168" spans="1:12" s="118" customFormat="1" ht="34.5" customHeight="1" x14ac:dyDescent="0.15">
      <c r="A168" s="246" t="s">
        <v>664</v>
      </c>
      <c r="B168" s="115"/>
      <c r="C168" s="327" t="s">
        <v>569</v>
      </c>
      <c r="D168" s="328"/>
      <c r="E168" s="328"/>
      <c r="F168" s="328"/>
      <c r="G168" s="328"/>
      <c r="H168" s="329"/>
      <c r="I168" s="417"/>
      <c r="J168" s="263">
        <f t="shared" si="2"/>
        <v>0</v>
      </c>
      <c r="K168" s="264" t="str">
        <f t="shared" si="3"/>
        <v/>
      </c>
      <c r="L168" s="117"/>
    </row>
    <row r="169" spans="1:12" s="118" customFormat="1" ht="34.5" customHeight="1" x14ac:dyDescent="0.15">
      <c r="A169" s="246" t="s">
        <v>665</v>
      </c>
      <c r="B169" s="115"/>
      <c r="C169" s="327" t="s">
        <v>570</v>
      </c>
      <c r="D169" s="328"/>
      <c r="E169" s="328"/>
      <c r="F169" s="328"/>
      <c r="G169" s="328"/>
      <c r="H169" s="329"/>
      <c r="I169" s="417"/>
      <c r="J169" s="263">
        <f t="shared" si="2"/>
        <v>0</v>
      </c>
      <c r="K169" s="264" t="str">
        <f t="shared" si="3"/>
        <v/>
      </c>
      <c r="L169" s="117"/>
    </row>
    <row r="170" spans="1:12" s="118" customFormat="1" ht="34.5" customHeight="1" x14ac:dyDescent="0.15">
      <c r="A170" s="246" t="s">
        <v>666</v>
      </c>
      <c r="B170" s="115"/>
      <c r="C170" s="327" t="s">
        <v>571</v>
      </c>
      <c r="D170" s="328"/>
      <c r="E170" s="328"/>
      <c r="F170" s="328"/>
      <c r="G170" s="328"/>
      <c r="H170" s="329"/>
      <c r="I170" s="417"/>
      <c r="J170" s="263">
        <f t="shared" si="2"/>
        <v>0</v>
      </c>
      <c r="K170" s="264" t="str">
        <f t="shared" si="3"/>
        <v/>
      </c>
      <c r="L170" s="117"/>
    </row>
    <row r="171" spans="1:12" s="118" customFormat="1" ht="34.5" customHeight="1" x14ac:dyDescent="0.15">
      <c r="A171" s="246" t="s">
        <v>667</v>
      </c>
      <c r="B171" s="115"/>
      <c r="C171" s="327" t="s">
        <v>572</v>
      </c>
      <c r="D171" s="328"/>
      <c r="E171" s="328"/>
      <c r="F171" s="328"/>
      <c r="G171" s="328"/>
      <c r="H171" s="329"/>
      <c r="I171" s="417"/>
      <c r="J171" s="263">
        <f t="shared" si="2"/>
        <v>0</v>
      </c>
      <c r="K171" s="264" t="str">
        <f t="shared" si="3"/>
        <v/>
      </c>
      <c r="L171" s="117"/>
    </row>
    <row r="172" spans="1:12" s="118" customFormat="1" ht="34.5" customHeight="1" x14ac:dyDescent="0.15">
      <c r="A172" s="246" t="s">
        <v>668</v>
      </c>
      <c r="B172" s="115"/>
      <c r="C172" s="327" t="s">
        <v>573</v>
      </c>
      <c r="D172" s="328"/>
      <c r="E172" s="328"/>
      <c r="F172" s="328"/>
      <c r="G172" s="328"/>
      <c r="H172" s="329"/>
      <c r="I172" s="417"/>
      <c r="J172" s="263">
        <f t="shared" si="2"/>
        <v>0</v>
      </c>
      <c r="K172" s="264" t="str">
        <f t="shared" si="3"/>
        <v/>
      </c>
      <c r="L172" s="117"/>
    </row>
    <row r="173" spans="1:12" s="118" customFormat="1" ht="34.5" customHeight="1" x14ac:dyDescent="0.15">
      <c r="A173" s="246" t="s">
        <v>669</v>
      </c>
      <c r="B173" s="115"/>
      <c r="C173" s="327" t="s">
        <v>574</v>
      </c>
      <c r="D173" s="328"/>
      <c r="E173" s="328"/>
      <c r="F173" s="328"/>
      <c r="G173" s="328"/>
      <c r="H173" s="329"/>
      <c r="I173" s="417"/>
      <c r="J173" s="263">
        <f t="shared" si="2"/>
        <v>0</v>
      </c>
      <c r="K173" s="264" t="str">
        <f t="shared" si="3"/>
        <v/>
      </c>
      <c r="L173" s="117"/>
    </row>
    <row r="174" spans="1:12" s="118" customFormat="1" ht="34.5" customHeight="1" x14ac:dyDescent="0.15">
      <c r="A174" s="246" t="s">
        <v>660</v>
      </c>
      <c r="B174" s="115"/>
      <c r="C174" s="327" t="s">
        <v>575</v>
      </c>
      <c r="D174" s="328"/>
      <c r="E174" s="328"/>
      <c r="F174" s="328"/>
      <c r="G174" s="328"/>
      <c r="H174" s="329"/>
      <c r="I174" s="417"/>
      <c r="J174" s="263">
        <f t="shared" si="2"/>
        <v>0</v>
      </c>
      <c r="K174" s="264" t="str">
        <f t="shared" si="3"/>
        <v/>
      </c>
      <c r="L174" s="117"/>
    </row>
    <row r="175" spans="1:12" s="118" customFormat="1" ht="34.5" customHeight="1" x14ac:dyDescent="0.15">
      <c r="A175" s="246" t="s">
        <v>670</v>
      </c>
      <c r="B175" s="115"/>
      <c r="C175" s="327" t="s">
        <v>576</v>
      </c>
      <c r="D175" s="328"/>
      <c r="E175" s="328"/>
      <c r="F175" s="328"/>
      <c r="G175" s="328"/>
      <c r="H175" s="329"/>
      <c r="I175" s="417"/>
      <c r="J175" s="263">
        <f t="shared" si="2"/>
        <v>0</v>
      </c>
      <c r="K175" s="264" t="str">
        <f t="shared" si="3"/>
        <v/>
      </c>
      <c r="L175" s="117"/>
    </row>
    <row r="176" spans="1:12" s="118" customFormat="1" ht="34.5" customHeight="1" x14ac:dyDescent="0.15">
      <c r="A176" s="246" t="s">
        <v>671</v>
      </c>
      <c r="B176" s="115"/>
      <c r="C176" s="327" t="s">
        <v>577</v>
      </c>
      <c r="D176" s="328"/>
      <c r="E176" s="328"/>
      <c r="F176" s="328"/>
      <c r="G176" s="328"/>
      <c r="H176" s="329"/>
      <c r="I176" s="417"/>
      <c r="J176" s="263">
        <f t="shared" si="2"/>
        <v>0</v>
      </c>
      <c r="K176" s="264" t="str">
        <f t="shared" si="3"/>
        <v/>
      </c>
      <c r="L176" s="117"/>
    </row>
    <row r="177" spans="1:12" s="118" customFormat="1" ht="34.5" customHeight="1" x14ac:dyDescent="0.15">
      <c r="A177" s="246" t="s">
        <v>672</v>
      </c>
      <c r="B177" s="115"/>
      <c r="C177" s="327" t="s">
        <v>637</v>
      </c>
      <c r="D177" s="328"/>
      <c r="E177" s="328"/>
      <c r="F177" s="328"/>
      <c r="G177" s="328"/>
      <c r="H177" s="329"/>
      <c r="I177" s="417"/>
      <c r="J177" s="263">
        <f t="shared" si="2"/>
        <v>0</v>
      </c>
      <c r="K177" s="264" t="str">
        <f t="shared" si="3"/>
        <v/>
      </c>
      <c r="L177" s="117"/>
    </row>
    <row r="178" spans="1:12" s="118" customFormat="1" ht="34.5" customHeight="1" x14ac:dyDescent="0.15">
      <c r="A178" s="246" t="s">
        <v>673</v>
      </c>
      <c r="B178" s="115"/>
      <c r="C178" s="327" t="s">
        <v>578</v>
      </c>
      <c r="D178" s="328"/>
      <c r="E178" s="328"/>
      <c r="F178" s="328"/>
      <c r="G178" s="328"/>
      <c r="H178" s="329"/>
      <c r="I178" s="417"/>
      <c r="J178" s="263">
        <f t="shared" si="2"/>
        <v>0</v>
      </c>
      <c r="K178" s="264" t="str">
        <f t="shared" si="3"/>
        <v/>
      </c>
      <c r="L178" s="117"/>
    </row>
    <row r="179" spans="1:12" s="118" customFormat="1" ht="34.5" customHeight="1" x14ac:dyDescent="0.15">
      <c r="A179" s="246" t="s">
        <v>674</v>
      </c>
      <c r="B179" s="115"/>
      <c r="C179" s="327" t="s">
        <v>85</v>
      </c>
      <c r="D179" s="328"/>
      <c r="E179" s="328"/>
      <c r="F179" s="328"/>
      <c r="G179" s="328"/>
      <c r="H179" s="329"/>
      <c r="I179" s="417"/>
      <c r="J179" s="263">
        <f t="shared" si="2"/>
        <v>0</v>
      </c>
      <c r="K179" s="264" t="str">
        <f t="shared" si="3"/>
        <v/>
      </c>
      <c r="L179" s="117"/>
    </row>
    <row r="180" spans="1:12" s="118" customFormat="1" ht="34.5" customHeight="1" x14ac:dyDescent="0.15">
      <c r="A180" s="246" t="s">
        <v>675</v>
      </c>
      <c r="B180" s="115"/>
      <c r="C180" s="327" t="s">
        <v>86</v>
      </c>
      <c r="D180" s="328"/>
      <c r="E180" s="328"/>
      <c r="F180" s="328"/>
      <c r="G180" s="328"/>
      <c r="H180" s="329"/>
      <c r="I180" s="417"/>
      <c r="J180" s="263">
        <f t="shared" si="2"/>
        <v>0</v>
      </c>
      <c r="K180" s="264" t="str">
        <f t="shared" si="3"/>
        <v/>
      </c>
      <c r="L180" s="117"/>
    </row>
    <row r="181" spans="1:12" s="118" customFormat="1" ht="34.5" customHeight="1" x14ac:dyDescent="0.15">
      <c r="A181" s="246" t="s">
        <v>676</v>
      </c>
      <c r="B181" s="115"/>
      <c r="C181" s="327" t="s">
        <v>87</v>
      </c>
      <c r="D181" s="328"/>
      <c r="E181" s="328"/>
      <c r="F181" s="328"/>
      <c r="G181" s="328"/>
      <c r="H181" s="329"/>
      <c r="I181" s="417"/>
      <c r="J181" s="263">
        <f t="shared" si="2"/>
        <v>0</v>
      </c>
      <c r="K181" s="264" t="str">
        <f t="shared" si="3"/>
        <v/>
      </c>
      <c r="L181" s="117"/>
    </row>
    <row r="182" spans="1:12" s="118" customFormat="1" ht="34.5" customHeight="1" x14ac:dyDescent="0.15">
      <c r="A182" s="246" t="s">
        <v>677</v>
      </c>
      <c r="B182" s="115"/>
      <c r="C182" s="327" t="s">
        <v>579</v>
      </c>
      <c r="D182" s="328"/>
      <c r="E182" s="328"/>
      <c r="F182" s="328"/>
      <c r="G182" s="328"/>
      <c r="H182" s="329"/>
      <c r="I182" s="417"/>
      <c r="J182" s="263">
        <f t="shared" si="2"/>
        <v>0</v>
      </c>
      <c r="K182" s="264" t="str">
        <f t="shared" si="3"/>
        <v/>
      </c>
      <c r="L182" s="117"/>
    </row>
    <row r="183" spans="1:12" s="118" customFormat="1" ht="34.5" customHeight="1" x14ac:dyDescent="0.15">
      <c r="A183" s="246" t="s">
        <v>678</v>
      </c>
      <c r="B183" s="115"/>
      <c r="C183" s="327" t="s">
        <v>89</v>
      </c>
      <c r="D183" s="328"/>
      <c r="E183" s="328"/>
      <c r="F183" s="328"/>
      <c r="G183" s="328"/>
      <c r="H183" s="329"/>
      <c r="I183" s="417"/>
      <c r="J183" s="263">
        <f t="shared" si="2"/>
        <v>0</v>
      </c>
      <c r="K183" s="264" t="str">
        <f t="shared" si="3"/>
        <v/>
      </c>
      <c r="L183" s="117"/>
    </row>
    <row r="184" spans="1:12" s="118" customFormat="1" ht="34.5" customHeight="1" x14ac:dyDescent="0.15">
      <c r="A184" s="246" t="s">
        <v>679</v>
      </c>
      <c r="B184" s="115"/>
      <c r="C184" s="327" t="s">
        <v>90</v>
      </c>
      <c r="D184" s="328"/>
      <c r="E184" s="328"/>
      <c r="F184" s="328"/>
      <c r="G184" s="328"/>
      <c r="H184" s="329"/>
      <c r="I184" s="417"/>
      <c r="J184" s="263">
        <f t="shared" ref="J184:J215" si="4">IF(SUM(L184:L184)=0,IF(COUNTIF(L184:L184,"未確認")&gt;0,"未確認",IF(COUNTIF(L184:L184,"~*")&gt;0,"*",SUM(L184:L184))),SUM(L184:L184))</f>
        <v>0</v>
      </c>
      <c r="K184" s="264" t="str">
        <f t="shared" ref="K184:K215" si="5">IF(OR(COUNTIF(L184:L184,"未確認")&gt;0,COUNTIF(L184:L184,"~*")&gt;0),"※","")</f>
        <v/>
      </c>
      <c r="L184" s="117"/>
    </row>
    <row r="185" spans="1:12" s="118" customFormat="1" ht="34.5" customHeight="1" x14ac:dyDescent="0.15">
      <c r="A185" s="246" t="s">
        <v>680</v>
      </c>
      <c r="B185" s="115"/>
      <c r="C185" s="327" t="s">
        <v>582</v>
      </c>
      <c r="D185" s="328"/>
      <c r="E185" s="328"/>
      <c r="F185" s="328"/>
      <c r="G185" s="328"/>
      <c r="H185" s="329"/>
      <c r="I185" s="417"/>
      <c r="J185" s="263">
        <f t="shared" si="4"/>
        <v>0</v>
      </c>
      <c r="K185" s="264" t="str">
        <f t="shared" si="5"/>
        <v/>
      </c>
      <c r="L185" s="117"/>
    </row>
    <row r="186" spans="1:12" s="118" customFormat="1" ht="34.5" customHeight="1" x14ac:dyDescent="0.15">
      <c r="A186" s="246" t="s">
        <v>681</v>
      </c>
      <c r="B186" s="115"/>
      <c r="C186" s="327" t="s">
        <v>580</v>
      </c>
      <c r="D186" s="328"/>
      <c r="E186" s="328"/>
      <c r="F186" s="328"/>
      <c r="G186" s="328"/>
      <c r="H186" s="329"/>
      <c r="I186" s="417"/>
      <c r="J186" s="263">
        <f t="shared" si="4"/>
        <v>0</v>
      </c>
      <c r="K186" s="264" t="str">
        <f t="shared" si="5"/>
        <v/>
      </c>
      <c r="L186" s="117"/>
    </row>
    <row r="187" spans="1:12" s="118" customFormat="1" ht="34.5" customHeight="1" x14ac:dyDescent="0.15">
      <c r="A187" s="246" t="s">
        <v>682</v>
      </c>
      <c r="B187" s="115"/>
      <c r="C187" s="327" t="s">
        <v>581</v>
      </c>
      <c r="D187" s="328"/>
      <c r="E187" s="328"/>
      <c r="F187" s="328"/>
      <c r="G187" s="328"/>
      <c r="H187" s="329"/>
      <c r="I187" s="417"/>
      <c r="J187" s="263">
        <f t="shared" si="4"/>
        <v>0</v>
      </c>
      <c r="K187" s="264" t="str">
        <f t="shared" si="5"/>
        <v/>
      </c>
      <c r="L187" s="117"/>
    </row>
    <row r="188" spans="1:12" s="118" customFormat="1" ht="34.5" customHeight="1" x14ac:dyDescent="0.15">
      <c r="A188" s="246" t="s">
        <v>683</v>
      </c>
      <c r="B188" s="115"/>
      <c r="C188" s="327" t="s">
        <v>987</v>
      </c>
      <c r="D188" s="328"/>
      <c r="E188" s="328"/>
      <c r="F188" s="328"/>
      <c r="G188" s="328"/>
      <c r="H188" s="329"/>
      <c r="I188" s="417"/>
      <c r="J188" s="263">
        <f t="shared" si="4"/>
        <v>0</v>
      </c>
      <c r="K188" s="264" t="str">
        <f t="shared" si="5"/>
        <v/>
      </c>
      <c r="L188" s="117"/>
    </row>
    <row r="189" spans="1:12" s="118" customFormat="1" ht="34.5" customHeight="1" x14ac:dyDescent="0.15">
      <c r="A189" s="246" t="s">
        <v>684</v>
      </c>
      <c r="B189" s="115"/>
      <c r="C189" s="327" t="s">
        <v>583</v>
      </c>
      <c r="D189" s="328"/>
      <c r="E189" s="328"/>
      <c r="F189" s="328"/>
      <c r="G189" s="328"/>
      <c r="H189" s="329"/>
      <c r="I189" s="417"/>
      <c r="J189" s="263">
        <f t="shared" si="4"/>
        <v>0</v>
      </c>
      <c r="K189" s="264" t="str">
        <f t="shared" si="5"/>
        <v/>
      </c>
      <c r="L189" s="117"/>
    </row>
    <row r="190" spans="1:12" s="118" customFormat="1" ht="34.5" customHeight="1" x14ac:dyDescent="0.15">
      <c r="A190" s="246" t="s">
        <v>685</v>
      </c>
      <c r="B190" s="115"/>
      <c r="C190" s="327" t="s">
        <v>584</v>
      </c>
      <c r="D190" s="328"/>
      <c r="E190" s="328"/>
      <c r="F190" s="328"/>
      <c r="G190" s="328"/>
      <c r="H190" s="329"/>
      <c r="I190" s="417"/>
      <c r="J190" s="263">
        <f t="shared" si="4"/>
        <v>0</v>
      </c>
      <c r="K190" s="264" t="str">
        <f t="shared" si="5"/>
        <v/>
      </c>
      <c r="L190" s="117"/>
    </row>
    <row r="191" spans="1:12" s="118" customFormat="1" ht="34.5" customHeight="1" x14ac:dyDescent="0.15">
      <c r="A191" s="246" t="s">
        <v>686</v>
      </c>
      <c r="B191" s="115"/>
      <c r="C191" s="327" t="s">
        <v>97</v>
      </c>
      <c r="D191" s="328"/>
      <c r="E191" s="328"/>
      <c r="F191" s="328"/>
      <c r="G191" s="328"/>
      <c r="H191" s="329"/>
      <c r="I191" s="417"/>
      <c r="J191" s="263">
        <f t="shared" si="4"/>
        <v>0</v>
      </c>
      <c r="K191" s="264" t="str">
        <f t="shared" si="5"/>
        <v/>
      </c>
      <c r="L191" s="117"/>
    </row>
    <row r="192" spans="1:12" s="118" customFormat="1" ht="34.5" customHeight="1" x14ac:dyDescent="0.15">
      <c r="A192" s="246" t="s">
        <v>687</v>
      </c>
      <c r="B192" s="115"/>
      <c r="C192" s="327" t="s">
        <v>585</v>
      </c>
      <c r="D192" s="328"/>
      <c r="E192" s="328"/>
      <c r="F192" s="328"/>
      <c r="G192" s="328"/>
      <c r="H192" s="329"/>
      <c r="I192" s="417"/>
      <c r="J192" s="263">
        <f t="shared" si="4"/>
        <v>0</v>
      </c>
      <c r="K192" s="264" t="str">
        <f t="shared" si="5"/>
        <v/>
      </c>
      <c r="L192" s="117"/>
    </row>
    <row r="193" spans="1:12" s="118" customFormat="1" ht="34.5" customHeight="1" x14ac:dyDescent="0.15">
      <c r="A193" s="246" t="s">
        <v>688</v>
      </c>
      <c r="B193" s="115"/>
      <c r="C193" s="327" t="s">
        <v>586</v>
      </c>
      <c r="D193" s="328"/>
      <c r="E193" s="328"/>
      <c r="F193" s="328"/>
      <c r="G193" s="328"/>
      <c r="H193" s="329"/>
      <c r="I193" s="417"/>
      <c r="J193" s="263">
        <f t="shared" si="4"/>
        <v>0</v>
      </c>
      <c r="K193" s="264" t="str">
        <f t="shared" si="5"/>
        <v/>
      </c>
      <c r="L193" s="117"/>
    </row>
    <row r="194" spans="1:12" s="118" customFormat="1" ht="34.5" customHeight="1" x14ac:dyDescent="0.15">
      <c r="A194" s="246" t="s">
        <v>689</v>
      </c>
      <c r="B194" s="115"/>
      <c r="C194" s="327" t="s">
        <v>587</v>
      </c>
      <c r="D194" s="328"/>
      <c r="E194" s="328"/>
      <c r="F194" s="328"/>
      <c r="G194" s="328"/>
      <c r="H194" s="329"/>
      <c r="I194" s="417"/>
      <c r="J194" s="263">
        <f t="shared" si="4"/>
        <v>0</v>
      </c>
      <c r="K194" s="264" t="str">
        <f t="shared" si="5"/>
        <v/>
      </c>
      <c r="L194" s="117"/>
    </row>
    <row r="195" spans="1:12" s="118" customFormat="1" ht="34.5" customHeight="1" x14ac:dyDescent="0.15">
      <c r="A195" s="246" t="s">
        <v>690</v>
      </c>
      <c r="B195" s="115"/>
      <c r="C195" s="327" t="s">
        <v>588</v>
      </c>
      <c r="D195" s="328"/>
      <c r="E195" s="328"/>
      <c r="F195" s="328"/>
      <c r="G195" s="328"/>
      <c r="H195" s="329"/>
      <c r="I195" s="417"/>
      <c r="J195" s="263">
        <f t="shared" si="4"/>
        <v>0</v>
      </c>
      <c r="K195" s="264" t="str">
        <f t="shared" si="5"/>
        <v/>
      </c>
      <c r="L195" s="117"/>
    </row>
    <row r="196" spans="1:12" s="118" customFormat="1" ht="34.5" customHeight="1" x14ac:dyDescent="0.15">
      <c r="A196" s="246" t="s">
        <v>691</v>
      </c>
      <c r="B196" s="115"/>
      <c r="C196" s="327" t="s">
        <v>589</v>
      </c>
      <c r="D196" s="328"/>
      <c r="E196" s="328"/>
      <c r="F196" s="328"/>
      <c r="G196" s="328"/>
      <c r="H196" s="329"/>
      <c r="I196" s="417"/>
      <c r="J196" s="263">
        <f t="shared" si="4"/>
        <v>0</v>
      </c>
      <c r="K196" s="264" t="str">
        <f t="shared" si="5"/>
        <v/>
      </c>
      <c r="L196" s="117"/>
    </row>
    <row r="197" spans="1:12" s="118" customFormat="1" ht="34.5" customHeight="1" x14ac:dyDescent="0.15">
      <c r="A197" s="246" t="s">
        <v>692</v>
      </c>
      <c r="B197" s="115"/>
      <c r="C197" s="327" t="s">
        <v>103</v>
      </c>
      <c r="D197" s="328"/>
      <c r="E197" s="328"/>
      <c r="F197" s="328"/>
      <c r="G197" s="328"/>
      <c r="H197" s="329"/>
      <c r="I197" s="417"/>
      <c r="J197" s="263">
        <f t="shared" si="4"/>
        <v>0</v>
      </c>
      <c r="K197" s="264" t="str">
        <f t="shared" si="5"/>
        <v/>
      </c>
      <c r="L197" s="117"/>
    </row>
    <row r="198" spans="1:12" s="118" customFormat="1" ht="34.5" customHeight="1" x14ac:dyDescent="0.15">
      <c r="A198" s="246" t="s">
        <v>693</v>
      </c>
      <c r="B198" s="115"/>
      <c r="C198" s="327" t="s">
        <v>104</v>
      </c>
      <c r="D198" s="328"/>
      <c r="E198" s="328"/>
      <c r="F198" s="328"/>
      <c r="G198" s="328"/>
      <c r="H198" s="329"/>
      <c r="I198" s="417"/>
      <c r="J198" s="263">
        <f t="shared" si="4"/>
        <v>0</v>
      </c>
      <c r="K198" s="264" t="str">
        <f t="shared" si="5"/>
        <v/>
      </c>
      <c r="L198" s="117"/>
    </row>
    <row r="199" spans="1:12" s="118" customFormat="1" ht="34.5" customHeight="1" x14ac:dyDescent="0.15">
      <c r="A199" s="246" t="s">
        <v>694</v>
      </c>
      <c r="B199" s="115"/>
      <c r="C199" s="327" t="s">
        <v>105</v>
      </c>
      <c r="D199" s="328"/>
      <c r="E199" s="328"/>
      <c r="F199" s="328"/>
      <c r="G199" s="328"/>
      <c r="H199" s="329"/>
      <c r="I199" s="417"/>
      <c r="J199" s="263">
        <f t="shared" si="4"/>
        <v>0</v>
      </c>
      <c r="K199" s="264" t="str">
        <f t="shared" si="5"/>
        <v/>
      </c>
      <c r="L199" s="117"/>
    </row>
    <row r="200" spans="1:12" s="118" customFormat="1" ht="34.5" customHeight="1" x14ac:dyDescent="0.15">
      <c r="A200" s="246" t="s">
        <v>695</v>
      </c>
      <c r="B200" s="115"/>
      <c r="C200" s="327" t="s">
        <v>106</v>
      </c>
      <c r="D200" s="328"/>
      <c r="E200" s="328"/>
      <c r="F200" s="328"/>
      <c r="G200" s="328"/>
      <c r="H200" s="329"/>
      <c r="I200" s="417"/>
      <c r="J200" s="263">
        <f t="shared" si="4"/>
        <v>0</v>
      </c>
      <c r="K200" s="264" t="str">
        <f t="shared" si="5"/>
        <v/>
      </c>
      <c r="L200" s="117"/>
    </row>
    <row r="201" spans="1:12" s="118" customFormat="1" ht="34.5" customHeight="1" x14ac:dyDescent="0.15">
      <c r="A201" s="246" t="s">
        <v>696</v>
      </c>
      <c r="B201" s="115"/>
      <c r="C201" s="327" t="s">
        <v>590</v>
      </c>
      <c r="D201" s="328"/>
      <c r="E201" s="328"/>
      <c r="F201" s="328"/>
      <c r="G201" s="328"/>
      <c r="H201" s="329"/>
      <c r="I201" s="417"/>
      <c r="J201" s="263">
        <f t="shared" si="4"/>
        <v>0</v>
      </c>
      <c r="K201" s="264" t="str">
        <f t="shared" si="5"/>
        <v/>
      </c>
      <c r="L201" s="117"/>
    </row>
    <row r="202" spans="1:12" s="118" customFormat="1" ht="34.5" customHeight="1" x14ac:dyDescent="0.15">
      <c r="A202" s="246" t="s">
        <v>697</v>
      </c>
      <c r="B202" s="115"/>
      <c r="C202" s="327" t="s">
        <v>108</v>
      </c>
      <c r="D202" s="328"/>
      <c r="E202" s="328"/>
      <c r="F202" s="328"/>
      <c r="G202" s="328"/>
      <c r="H202" s="329"/>
      <c r="I202" s="417"/>
      <c r="J202" s="263">
        <f t="shared" si="4"/>
        <v>0</v>
      </c>
      <c r="K202" s="264" t="str">
        <f t="shared" si="5"/>
        <v/>
      </c>
      <c r="L202" s="117"/>
    </row>
    <row r="203" spans="1:12" s="118" customFormat="1" ht="34.5" customHeight="1" x14ac:dyDescent="0.15">
      <c r="A203" s="246" t="s">
        <v>698</v>
      </c>
      <c r="B203" s="115"/>
      <c r="C203" s="327" t="s">
        <v>109</v>
      </c>
      <c r="D203" s="328"/>
      <c r="E203" s="328"/>
      <c r="F203" s="328"/>
      <c r="G203" s="328"/>
      <c r="H203" s="329"/>
      <c r="I203" s="417"/>
      <c r="J203" s="263">
        <f t="shared" si="4"/>
        <v>0</v>
      </c>
      <c r="K203" s="264" t="str">
        <f t="shared" si="5"/>
        <v/>
      </c>
      <c r="L203" s="117"/>
    </row>
    <row r="204" spans="1:12" s="118" customFormat="1" ht="34.5" customHeight="1" x14ac:dyDescent="0.15">
      <c r="A204" s="246" t="s">
        <v>699</v>
      </c>
      <c r="B204" s="115"/>
      <c r="C204" s="327" t="s">
        <v>591</v>
      </c>
      <c r="D204" s="328"/>
      <c r="E204" s="328"/>
      <c r="F204" s="328"/>
      <c r="G204" s="328"/>
      <c r="H204" s="329"/>
      <c r="I204" s="417"/>
      <c r="J204" s="263">
        <f t="shared" si="4"/>
        <v>0</v>
      </c>
      <c r="K204" s="264" t="str">
        <f t="shared" si="5"/>
        <v/>
      </c>
      <c r="L204" s="117"/>
    </row>
    <row r="205" spans="1:12" s="118" customFormat="1" ht="34.5" customHeight="1" x14ac:dyDescent="0.15">
      <c r="A205" s="246" t="s">
        <v>700</v>
      </c>
      <c r="B205" s="115"/>
      <c r="C205" s="327" t="s">
        <v>592</v>
      </c>
      <c r="D205" s="328"/>
      <c r="E205" s="328"/>
      <c r="F205" s="328"/>
      <c r="G205" s="328"/>
      <c r="H205" s="329"/>
      <c r="I205" s="417"/>
      <c r="J205" s="263">
        <f t="shared" si="4"/>
        <v>0</v>
      </c>
      <c r="K205" s="264" t="str">
        <f t="shared" si="5"/>
        <v/>
      </c>
      <c r="L205" s="117"/>
    </row>
    <row r="206" spans="1:12" s="118" customFormat="1" ht="34.5" customHeight="1" x14ac:dyDescent="0.15">
      <c r="A206" s="246" t="s">
        <v>701</v>
      </c>
      <c r="B206" s="115"/>
      <c r="C206" s="327" t="s">
        <v>593</v>
      </c>
      <c r="D206" s="328"/>
      <c r="E206" s="328"/>
      <c r="F206" s="328"/>
      <c r="G206" s="328"/>
      <c r="H206" s="329"/>
      <c r="I206" s="417"/>
      <c r="J206" s="263">
        <f t="shared" si="4"/>
        <v>0</v>
      </c>
      <c r="K206" s="264" t="str">
        <f t="shared" si="5"/>
        <v/>
      </c>
      <c r="L206" s="117"/>
    </row>
    <row r="207" spans="1:12" s="118" customFormat="1" ht="34.5" customHeight="1" x14ac:dyDescent="0.15">
      <c r="A207" s="246" t="s">
        <v>702</v>
      </c>
      <c r="B207" s="115"/>
      <c r="C207" s="327" t="s">
        <v>594</v>
      </c>
      <c r="D207" s="328"/>
      <c r="E207" s="328"/>
      <c r="F207" s="328"/>
      <c r="G207" s="328"/>
      <c r="H207" s="329"/>
      <c r="I207" s="417"/>
      <c r="J207" s="263">
        <f t="shared" si="4"/>
        <v>0</v>
      </c>
      <c r="K207" s="264" t="str">
        <f t="shared" si="5"/>
        <v/>
      </c>
      <c r="L207" s="117"/>
    </row>
    <row r="208" spans="1:12" s="118" customFormat="1" ht="34.5" customHeight="1" x14ac:dyDescent="0.15">
      <c r="A208" s="246" t="s">
        <v>703</v>
      </c>
      <c r="B208" s="115"/>
      <c r="C208" s="327" t="s">
        <v>111</v>
      </c>
      <c r="D208" s="328"/>
      <c r="E208" s="328"/>
      <c r="F208" s="328"/>
      <c r="G208" s="328"/>
      <c r="H208" s="329"/>
      <c r="I208" s="417"/>
      <c r="J208" s="263">
        <f t="shared" si="4"/>
        <v>0</v>
      </c>
      <c r="K208" s="264" t="str">
        <f t="shared" si="5"/>
        <v/>
      </c>
      <c r="L208" s="117"/>
    </row>
    <row r="209" spans="1:12" s="118" customFormat="1" ht="34.5" customHeight="1" x14ac:dyDescent="0.15">
      <c r="A209" s="246" t="s">
        <v>704</v>
      </c>
      <c r="B209" s="115"/>
      <c r="C209" s="327" t="s">
        <v>595</v>
      </c>
      <c r="D209" s="328"/>
      <c r="E209" s="328"/>
      <c r="F209" s="328"/>
      <c r="G209" s="328"/>
      <c r="H209" s="329"/>
      <c r="I209" s="417"/>
      <c r="J209" s="263">
        <f t="shared" si="4"/>
        <v>0</v>
      </c>
      <c r="K209" s="264" t="str">
        <f t="shared" si="5"/>
        <v/>
      </c>
      <c r="L209" s="117"/>
    </row>
    <row r="210" spans="1:12" s="118" customFormat="1" ht="34.5" customHeight="1" x14ac:dyDescent="0.15">
      <c r="A210" s="246" t="s">
        <v>705</v>
      </c>
      <c r="B210" s="119"/>
      <c r="C210" s="327" t="s">
        <v>603</v>
      </c>
      <c r="D210" s="328"/>
      <c r="E210" s="328"/>
      <c r="F210" s="328"/>
      <c r="G210" s="328"/>
      <c r="H210" s="329"/>
      <c r="I210" s="417"/>
      <c r="J210" s="263">
        <f t="shared" si="4"/>
        <v>0</v>
      </c>
      <c r="K210" s="264" t="str">
        <f t="shared" si="5"/>
        <v/>
      </c>
      <c r="L210" s="117"/>
    </row>
    <row r="211" spans="1:12" s="118" customFormat="1" ht="34.5" customHeight="1" x14ac:dyDescent="0.15">
      <c r="A211" s="246" t="s">
        <v>706</v>
      </c>
      <c r="B211" s="119"/>
      <c r="C211" s="327" t="s">
        <v>986</v>
      </c>
      <c r="D211" s="328"/>
      <c r="E211" s="328"/>
      <c r="F211" s="328"/>
      <c r="G211" s="328"/>
      <c r="H211" s="329"/>
      <c r="I211" s="417"/>
      <c r="J211" s="263">
        <f t="shared" si="4"/>
        <v>0</v>
      </c>
      <c r="K211" s="264" t="str">
        <f t="shared" si="5"/>
        <v/>
      </c>
      <c r="L211" s="117"/>
    </row>
    <row r="212" spans="1:12" s="118" customFormat="1" ht="34.5" customHeight="1" x14ac:dyDescent="0.15">
      <c r="A212" s="246" t="s">
        <v>707</v>
      </c>
      <c r="B212" s="119"/>
      <c r="C212" s="327" t="s">
        <v>602</v>
      </c>
      <c r="D212" s="328"/>
      <c r="E212" s="328"/>
      <c r="F212" s="328"/>
      <c r="G212" s="328"/>
      <c r="H212" s="329"/>
      <c r="I212" s="417"/>
      <c r="J212" s="263">
        <f t="shared" si="4"/>
        <v>0</v>
      </c>
      <c r="K212" s="264" t="str">
        <f t="shared" si="5"/>
        <v/>
      </c>
      <c r="L212" s="117"/>
    </row>
    <row r="213" spans="1:12" s="118" customFormat="1" ht="34.5" customHeight="1" x14ac:dyDescent="0.15">
      <c r="A213" s="246" t="s">
        <v>708</v>
      </c>
      <c r="B213" s="119"/>
      <c r="C213" s="327" t="s">
        <v>601</v>
      </c>
      <c r="D213" s="328"/>
      <c r="E213" s="328"/>
      <c r="F213" s="328"/>
      <c r="G213" s="328"/>
      <c r="H213" s="329"/>
      <c r="I213" s="417"/>
      <c r="J213" s="263">
        <f t="shared" si="4"/>
        <v>0</v>
      </c>
      <c r="K213" s="264" t="str">
        <f t="shared" si="5"/>
        <v/>
      </c>
      <c r="L213" s="117"/>
    </row>
    <row r="214" spans="1:12" s="118" customFormat="1" ht="34.5" customHeight="1" x14ac:dyDescent="0.15">
      <c r="A214" s="246" t="s">
        <v>709</v>
      </c>
      <c r="B214" s="115"/>
      <c r="C214" s="327" t="s">
        <v>600</v>
      </c>
      <c r="D214" s="328"/>
      <c r="E214" s="328"/>
      <c r="F214" s="328"/>
      <c r="G214" s="328"/>
      <c r="H214" s="329"/>
      <c r="I214" s="417"/>
      <c r="J214" s="263">
        <f t="shared" si="4"/>
        <v>0</v>
      </c>
      <c r="K214" s="264" t="str">
        <f t="shared" si="5"/>
        <v/>
      </c>
      <c r="L214" s="117"/>
    </row>
    <row r="215" spans="1:12" s="118" customFormat="1" ht="34.5" customHeight="1" x14ac:dyDescent="0.15">
      <c r="A215" s="246" t="s">
        <v>710</v>
      </c>
      <c r="B215" s="115"/>
      <c r="C215" s="327" t="s">
        <v>638</v>
      </c>
      <c r="D215" s="328"/>
      <c r="E215" s="328"/>
      <c r="F215" s="328"/>
      <c r="G215" s="328"/>
      <c r="H215" s="329"/>
      <c r="I215" s="417"/>
      <c r="J215" s="263">
        <f t="shared" si="4"/>
        <v>0</v>
      </c>
      <c r="K215" s="264" t="str">
        <f t="shared" si="5"/>
        <v/>
      </c>
      <c r="L215" s="117"/>
    </row>
    <row r="216" spans="1:12" s="118" customFormat="1" ht="34.5" customHeight="1" x14ac:dyDescent="0.15">
      <c r="A216" s="246" t="s">
        <v>711</v>
      </c>
      <c r="B216" s="115"/>
      <c r="C216" s="327" t="s">
        <v>639</v>
      </c>
      <c r="D216" s="328"/>
      <c r="E216" s="328"/>
      <c r="F216" s="328"/>
      <c r="G216" s="328"/>
      <c r="H216" s="329"/>
      <c r="I216" s="417"/>
      <c r="J216" s="263">
        <f t="shared" ref="J216:J227" si="6">IF(SUM(L216:L216)=0,IF(COUNTIF(L216:L216,"未確認")&gt;0,"未確認",IF(COUNTIF(L216:L216,"~*")&gt;0,"*",SUM(L216:L216))),SUM(L216:L216))</f>
        <v>0</v>
      </c>
      <c r="K216" s="264" t="str">
        <f t="shared" ref="K216:K227" si="7">IF(OR(COUNTIF(L216:L216,"未確認")&gt;0,COUNTIF(L216:L216,"~*")&gt;0),"※","")</f>
        <v/>
      </c>
      <c r="L216" s="117"/>
    </row>
    <row r="217" spans="1:12" s="118" customFormat="1" ht="34.5" customHeight="1" x14ac:dyDescent="0.15">
      <c r="A217" s="246" t="s">
        <v>712</v>
      </c>
      <c r="B217" s="115"/>
      <c r="C217" s="327" t="s">
        <v>596</v>
      </c>
      <c r="D217" s="328"/>
      <c r="E217" s="328"/>
      <c r="F217" s="328"/>
      <c r="G217" s="328"/>
      <c r="H217" s="329"/>
      <c r="I217" s="417"/>
      <c r="J217" s="263">
        <f t="shared" si="6"/>
        <v>0</v>
      </c>
      <c r="K217" s="264" t="str">
        <f t="shared" si="7"/>
        <v/>
      </c>
      <c r="L217" s="117"/>
    </row>
    <row r="218" spans="1:12" s="118" customFormat="1" ht="34.5" customHeight="1" x14ac:dyDescent="0.15">
      <c r="A218" s="246" t="s">
        <v>713</v>
      </c>
      <c r="B218" s="119"/>
      <c r="C218" s="327" t="s">
        <v>599</v>
      </c>
      <c r="D218" s="328"/>
      <c r="E218" s="328"/>
      <c r="F218" s="328"/>
      <c r="G218" s="328"/>
      <c r="H218" s="329"/>
      <c r="I218" s="417"/>
      <c r="J218" s="263">
        <f t="shared" si="6"/>
        <v>0</v>
      </c>
      <c r="K218" s="264" t="str">
        <f t="shared" si="7"/>
        <v/>
      </c>
      <c r="L218" s="117"/>
    </row>
    <row r="219" spans="1:12" s="118" customFormat="1" ht="34.5" customHeight="1" x14ac:dyDescent="0.15">
      <c r="A219" s="246" t="s">
        <v>714</v>
      </c>
      <c r="B219" s="119"/>
      <c r="C219" s="327" t="s">
        <v>597</v>
      </c>
      <c r="D219" s="328"/>
      <c r="E219" s="328"/>
      <c r="F219" s="328"/>
      <c r="G219" s="328"/>
      <c r="H219" s="329"/>
      <c r="I219" s="417"/>
      <c r="J219" s="263">
        <f t="shared" si="6"/>
        <v>0</v>
      </c>
      <c r="K219" s="264" t="str">
        <f t="shared" si="7"/>
        <v/>
      </c>
      <c r="L219" s="117"/>
    </row>
    <row r="220" spans="1:12" s="118" customFormat="1" ht="34.5" customHeight="1" x14ac:dyDescent="0.15">
      <c r="A220" s="246" t="s">
        <v>715</v>
      </c>
      <c r="B220" s="119"/>
      <c r="C220" s="327" t="s">
        <v>598</v>
      </c>
      <c r="D220" s="328"/>
      <c r="E220" s="328"/>
      <c r="F220" s="328"/>
      <c r="G220" s="328"/>
      <c r="H220" s="329"/>
      <c r="I220" s="417"/>
      <c r="J220" s="263">
        <f t="shared" si="6"/>
        <v>0</v>
      </c>
      <c r="K220" s="264" t="str">
        <f t="shared" si="7"/>
        <v/>
      </c>
      <c r="L220" s="117"/>
    </row>
    <row r="221" spans="1:12" s="118" customFormat="1" ht="34.5" customHeight="1" x14ac:dyDescent="0.15">
      <c r="A221" s="246" t="s">
        <v>716</v>
      </c>
      <c r="B221" s="119"/>
      <c r="C221" s="327" t="s">
        <v>640</v>
      </c>
      <c r="D221" s="328"/>
      <c r="E221" s="328"/>
      <c r="F221" s="328"/>
      <c r="G221" s="328"/>
      <c r="H221" s="329"/>
      <c r="I221" s="417"/>
      <c r="J221" s="263">
        <f t="shared" si="6"/>
        <v>0</v>
      </c>
      <c r="K221" s="264" t="str">
        <f t="shared" si="7"/>
        <v/>
      </c>
      <c r="L221" s="117"/>
    </row>
    <row r="222" spans="1:12" s="118" customFormat="1" ht="34.5" customHeight="1" x14ac:dyDescent="0.15">
      <c r="A222" s="246" t="s">
        <v>717</v>
      </c>
      <c r="B222" s="119"/>
      <c r="C222" s="327" t="s">
        <v>641</v>
      </c>
      <c r="D222" s="328"/>
      <c r="E222" s="328"/>
      <c r="F222" s="328"/>
      <c r="G222" s="328"/>
      <c r="H222" s="329"/>
      <c r="I222" s="417"/>
      <c r="J222" s="263">
        <f t="shared" si="6"/>
        <v>0</v>
      </c>
      <c r="K222" s="264" t="str">
        <f t="shared" si="7"/>
        <v/>
      </c>
      <c r="L222" s="117"/>
    </row>
    <row r="223" spans="1:12" s="118" customFormat="1" ht="34.5" customHeight="1" x14ac:dyDescent="0.15">
      <c r="A223" s="246" t="s">
        <v>718</v>
      </c>
      <c r="B223" s="119"/>
      <c r="C223" s="327" t="s">
        <v>642</v>
      </c>
      <c r="D223" s="328"/>
      <c r="E223" s="328"/>
      <c r="F223" s="328"/>
      <c r="G223" s="328"/>
      <c r="H223" s="329"/>
      <c r="I223" s="417"/>
      <c r="J223" s="263">
        <f t="shared" si="6"/>
        <v>0</v>
      </c>
      <c r="K223" s="264" t="str">
        <f t="shared" si="7"/>
        <v/>
      </c>
      <c r="L223" s="117"/>
    </row>
    <row r="224" spans="1:12" s="118" customFormat="1" ht="34.5" customHeight="1" x14ac:dyDescent="0.15">
      <c r="A224" s="246" t="s">
        <v>719</v>
      </c>
      <c r="B224" s="119"/>
      <c r="C224" s="327" t="s">
        <v>643</v>
      </c>
      <c r="D224" s="328"/>
      <c r="E224" s="328"/>
      <c r="F224" s="328"/>
      <c r="G224" s="328"/>
      <c r="H224" s="329"/>
      <c r="I224" s="417"/>
      <c r="J224" s="263">
        <f t="shared" si="6"/>
        <v>0</v>
      </c>
      <c r="K224" s="264" t="str">
        <f t="shared" si="7"/>
        <v/>
      </c>
      <c r="L224" s="117"/>
    </row>
    <row r="225" spans="1:22" s="118" customFormat="1" ht="34.5" customHeight="1" x14ac:dyDescent="0.15">
      <c r="A225" s="246" t="s">
        <v>720</v>
      </c>
      <c r="B225" s="119"/>
      <c r="C225" s="327" t="s">
        <v>644</v>
      </c>
      <c r="D225" s="328"/>
      <c r="E225" s="328"/>
      <c r="F225" s="328"/>
      <c r="G225" s="328"/>
      <c r="H225" s="329"/>
      <c r="I225" s="417"/>
      <c r="J225" s="263">
        <f t="shared" si="6"/>
        <v>0</v>
      </c>
      <c r="K225" s="264" t="str">
        <f t="shared" si="7"/>
        <v/>
      </c>
      <c r="L225" s="117"/>
    </row>
    <row r="226" spans="1:22" s="118" customFormat="1" ht="34.5" customHeight="1" x14ac:dyDescent="0.15">
      <c r="A226" s="246" t="s">
        <v>721</v>
      </c>
      <c r="B226" s="119"/>
      <c r="C226" s="327" t="s">
        <v>645</v>
      </c>
      <c r="D226" s="328"/>
      <c r="E226" s="328"/>
      <c r="F226" s="328"/>
      <c r="G226" s="328"/>
      <c r="H226" s="329"/>
      <c r="I226" s="417"/>
      <c r="J226" s="263">
        <f t="shared" si="6"/>
        <v>0</v>
      </c>
      <c r="K226" s="264" t="str">
        <f t="shared" si="7"/>
        <v/>
      </c>
      <c r="L226" s="117"/>
    </row>
    <row r="227" spans="1:22" s="118" customFormat="1" ht="34.5" customHeight="1" x14ac:dyDescent="0.15">
      <c r="A227" s="246" t="s">
        <v>722</v>
      </c>
      <c r="B227" s="119"/>
      <c r="C227" s="327" t="s">
        <v>646</v>
      </c>
      <c r="D227" s="328"/>
      <c r="E227" s="328"/>
      <c r="F227" s="328"/>
      <c r="G227" s="328"/>
      <c r="H227" s="329"/>
      <c r="I227" s="418"/>
      <c r="J227" s="263">
        <f t="shared" si="6"/>
        <v>0</v>
      </c>
      <c r="K227" s="264" t="str">
        <f t="shared" si="7"/>
        <v/>
      </c>
      <c r="L227" s="117"/>
    </row>
    <row r="228" spans="1:22" s="91" customFormat="1" x14ac:dyDescent="0.15">
      <c r="A228" s="243"/>
      <c r="B228" s="18"/>
      <c r="C228" s="18"/>
      <c r="D228" s="18"/>
      <c r="E228" s="18"/>
      <c r="F228" s="18"/>
      <c r="G228" s="18"/>
      <c r="H228" s="14"/>
      <c r="I228" s="14"/>
      <c r="J228" s="88"/>
      <c r="K228" s="89"/>
      <c r="L228" s="90"/>
    </row>
    <row r="229" spans="1:22" s="83" customFormat="1" x14ac:dyDescent="0.15">
      <c r="A229" s="243"/>
      <c r="B229" s="84"/>
      <c r="C229" s="62"/>
      <c r="D229" s="62"/>
      <c r="E229" s="62"/>
      <c r="F229" s="62"/>
      <c r="G229" s="62"/>
      <c r="H229" s="92"/>
      <c r="I229" s="92"/>
      <c r="J229" s="88"/>
      <c r="K229" s="89"/>
      <c r="L229" s="90"/>
    </row>
    <row r="230" spans="1:22" s="91" customFormat="1" ht="14.25" x14ac:dyDescent="0.15">
      <c r="A230" s="243"/>
      <c r="B230" s="120"/>
      <c r="C230" s="3"/>
      <c r="D230" s="3"/>
      <c r="E230" s="3"/>
      <c r="F230" s="3"/>
      <c r="G230" s="63"/>
      <c r="H230" s="121"/>
      <c r="I230" s="121"/>
      <c r="J230" s="61"/>
      <c r="K230" s="31"/>
      <c r="L230" s="108"/>
    </row>
    <row r="231" spans="1:22" s="1" customFormat="1" x14ac:dyDescent="0.15">
      <c r="A231" s="243"/>
      <c r="B231" s="18" t="s">
        <v>124</v>
      </c>
      <c r="C231" s="18"/>
      <c r="D231" s="18"/>
      <c r="E231" s="18"/>
      <c r="F231" s="18"/>
      <c r="G231" s="18"/>
      <c r="H231" s="14"/>
      <c r="I231" s="14"/>
      <c r="J231" s="61"/>
      <c r="K231" s="31"/>
      <c r="L231" s="108"/>
    </row>
    <row r="232" spans="1:22" x14ac:dyDescent="0.15">
      <c r="A232" s="243"/>
      <c r="B232" s="18"/>
      <c r="C232" s="18"/>
      <c r="D232" s="18"/>
      <c r="E232" s="18"/>
      <c r="F232" s="18"/>
      <c r="G232" s="18"/>
      <c r="H232" s="14"/>
      <c r="I232" s="14"/>
      <c r="L232" s="240"/>
      <c r="M232" s="8"/>
      <c r="N232" s="8"/>
      <c r="O232" s="8"/>
      <c r="P232" s="8"/>
      <c r="Q232" s="8"/>
      <c r="R232" s="8"/>
      <c r="S232" s="8"/>
      <c r="T232" s="8"/>
      <c r="U232" s="8"/>
      <c r="V232" s="8"/>
    </row>
    <row r="233" spans="1:22" ht="34.5" customHeight="1" x14ac:dyDescent="0.15">
      <c r="A233" s="243"/>
      <c r="B233" s="18"/>
      <c r="C233" s="3"/>
      <c r="D233" s="3"/>
      <c r="F233" s="3"/>
      <c r="G233" s="3"/>
      <c r="H233" s="286"/>
      <c r="I233" s="286"/>
      <c r="J233" s="77" t="s">
        <v>35</v>
      </c>
      <c r="K233" s="78"/>
      <c r="L233" s="66" t="s">
        <v>1051</v>
      </c>
      <c r="M233" s="8"/>
      <c r="N233" s="8"/>
      <c r="O233" s="8"/>
      <c r="P233" s="8"/>
      <c r="Q233" s="8"/>
      <c r="R233" s="8"/>
      <c r="S233" s="8"/>
      <c r="T233" s="8"/>
      <c r="U233" s="8"/>
      <c r="V233" s="8"/>
    </row>
    <row r="234" spans="1:22" ht="20.25" customHeight="1" x14ac:dyDescent="0.15">
      <c r="A234" s="243"/>
      <c r="B234" s="1"/>
      <c r="C234" s="3"/>
      <c r="D234" s="3"/>
      <c r="F234" s="3"/>
      <c r="G234" s="3"/>
      <c r="H234" s="286"/>
      <c r="I234" s="67" t="s">
        <v>36</v>
      </c>
      <c r="J234" s="68"/>
      <c r="K234" s="79"/>
      <c r="L234" s="70" t="s">
        <v>1052</v>
      </c>
      <c r="M234" s="8"/>
      <c r="N234" s="8"/>
      <c r="O234" s="8"/>
      <c r="P234" s="8"/>
      <c r="Q234" s="8"/>
      <c r="R234" s="8"/>
      <c r="S234" s="8"/>
      <c r="T234" s="8"/>
      <c r="U234" s="8"/>
      <c r="V234" s="8"/>
    </row>
    <row r="235" spans="1:22" s="83" customFormat="1" ht="106.5" customHeight="1" x14ac:dyDescent="0.15">
      <c r="A235" s="244" t="s">
        <v>625</v>
      </c>
      <c r="B235" s="1"/>
      <c r="C235" s="324" t="s">
        <v>124</v>
      </c>
      <c r="D235" s="325"/>
      <c r="E235" s="325"/>
      <c r="F235" s="325"/>
      <c r="G235" s="325"/>
      <c r="H235" s="326"/>
      <c r="I235" s="122" t="s">
        <v>126</v>
      </c>
      <c r="J235" s="123" t="s">
        <v>1049</v>
      </c>
      <c r="K235" s="81"/>
      <c r="L235" s="265"/>
    </row>
    <row r="236" spans="1:22" s="91" customFormat="1" x14ac:dyDescent="0.15">
      <c r="A236" s="243"/>
      <c r="B236" s="18"/>
      <c r="C236" s="18"/>
      <c r="D236" s="18"/>
      <c r="E236" s="18"/>
      <c r="F236" s="18"/>
      <c r="G236" s="18"/>
      <c r="H236" s="14"/>
      <c r="I236" s="14"/>
      <c r="J236" s="88"/>
      <c r="K236" s="89"/>
      <c r="L236" s="108"/>
    </row>
    <row r="237" spans="1:22" s="83" customFormat="1" x14ac:dyDescent="0.15">
      <c r="A237" s="243"/>
      <c r="B237" s="84"/>
      <c r="C237" s="62"/>
      <c r="D237" s="62"/>
      <c r="E237" s="62"/>
      <c r="F237" s="62"/>
      <c r="G237" s="62"/>
      <c r="H237" s="92"/>
      <c r="I237" s="92"/>
      <c r="J237" s="88"/>
      <c r="K237" s="89"/>
      <c r="L237" s="108"/>
    </row>
    <row r="238" spans="1:22" s="91" customFormat="1" x14ac:dyDescent="0.15">
      <c r="A238" s="243"/>
      <c r="B238" s="1"/>
      <c r="C238" s="3"/>
      <c r="D238" s="3"/>
      <c r="E238" s="3"/>
      <c r="F238" s="3"/>
      <c r="G238" s="3"/>
      <c r="H238" s="286"/>
      <c r="I238" s="286"/>
      <c r="J238" s="126"/>
      <c r="K238" s="31"/>
      <c r="L238" s="108"/>
    </row>
    <row r="239" spans="1:22" s="91" customFormat="1" x14ac:dyDescent="0.15">
      <c r="A239" s="275"/>
      <c r="B239" s="18" t="s">
        <v>127</v>
      </c>
      <c r="C239" s="107"/>
      <c r="D239" s="107"/>
      <c r="E239" s="107"/>
      <c r="F239" s="107"/>
      <c r="G239" s="107"/>
      <c r="H239" s="14"/>
      <c r="I239" s="14"/>
      <c r="J239" s="61"/>
      <c r="K239" s="31"/>
      <c r="L239" s="108"/>
    </row>
    <row r="240" spans="1:22" x14ac:dyDescent="0.15">
      <c r="A240" s="243"/>
      <c r="B240" s="18"/>
      <c r="C240" s="18"/>
      <c r="D240" s="18"/>
      <c r="E240" s="18"/>
      <c r="F240" s="18"/>
      <c r="G240" s="18"/>
      <c r="H240" s="14"/>
      <c r="I240" s="14"/>
      <c r="L240" s="240"/>
      <c r="M240" s="8"/>
      <c r="N240" s="8"/>
      <c r="O240" s="8"/>
      <c r="P240" s="8"/>
      <c r="Q240" s="8"/>
      <c r="R240" s="8"/>
      <c r="S240" s="8"/>
      <c r="T240" s="8"/>
      <c r="U240" s="8"/>
      <c r="V240" s="8"/>
    </row>
    <row r="241" spans="1:22" ht="34.5" customHeight="1" x14ac:dyDescent="0.15">
      <c r="A241" s="275"/>
      <c r="B241" s="18"/>
      <c r="C241" s="3"/>
      <c r="D241" s="3"/>
      <c r="F241" s="3"/>
      <c r="G241" s="3"/>
      <c r="H241" s="286"/>
      <c r="I241" s="286"/>
      <c r="J241" s="77" t="s">
        <v>35</v>
      </c>
      <c r="K241" s="78"/>
      <c r="L241" s="66" t="s">
        <v>1051</v>
      </c>
      <c r="M241" s="8"/>
      <c r="N241" s="8"/>
      <c r="O241" s="8"/>
      <c r="P241" s="8"/>
      <c r="Q241" s="8"/>
      <c r="R241" s="8"/>
      <c r="S241" s="8"/>
      <c r="T241" s="8"/>
      <c r="U241" s="8"/>
      <c r="V241" s="8"/>
    </row>
    <row r="242" spans="1:22" ht="20.25" customHeight="1" x14ac:dyDescent="0.15">
      <c r="A242" s="247" t="s">
        <v>629</v>
      </c>
      <c r="B242" s="1"/>
      <c r="C242" s="3"/>
      <c r="D242" s="3"/>
      <c r="F242" s="3"/>
      <c r="G242" s="3"/>
      <c r="H242" s="286"/>
      <c r="I242" s="67" t="s">
        <v>36</v>
      </c>
      <c r="J242" s="68"/>
      <c r="K242" s="79"/>
      <c r="L242" s="70" t="s">
        <v>1052</v>
      </c>
      <c r="M242" s="8"/>
      <c r="N242" s="8"/>
      <c r="O242" s="8"/>
      <c r="P242" s="8"/>
      <c r="Q242" s="8"/>
      <c r="R242" s="8"/>
      <c r="S242" s="8"/>
      <c r="T242" s="8"/>
      <c r="U242" s="8"/>
      <c r="V242" s="8"/>
    </row>
    <row r="243" spans="1:22" s="83" customFormat="1" ht="34.5" customHeight="1" x14ac:dyDescent="0.15">
      <c r="A243" s="248" t="s">
        <v>626</v>
      </c>
      <c r="B243" s="119"/>
      <c r="C243" s="324" t="s">
        <v>128</v>
      </c>
      <c r="D243" s="325"/>
      <c r="E243" s="325"/>
      <c r="F243" s="325"/>
      <c r="G243" s="325"/>
      <c r="H243" s="326"/>
      <c r="I243" s="410" t="s">
        <v>129</v>
      </c>
      <c r="J243" s="260" t="s">
        <v>538</v>
      </c>
      <c r="K243" s="81"/>
      <c r="L243" s="110"/>
    </row>
    <row r="244" spans="1:22" s="83" customFormat="1" ht="34.5" customHeight="1" x14ac:dyDescent="0.15">
      <c r="A244" s="248" t="s">
        <v>627</v>
      </c>
      <c r="B244" s="119"/>
      <c r="C244" s="324" t="s">
        <v>130</v>
      </c>
      <c r="D244" s="325"/>
      <c r="E244" s="325"/>
      <c r="F244" s="325"/>
      <c r="G244" s="325"/>
      <c r="H244" s="326"/>
      <c r="I244" s="411"/>
      <c r="J244" s="260" t="s">
        <v>538</v>
      </c>
      <c r="K244" s="81"/>
      <c r="L244" s="101"/>
    </row>
    <row r="245" spans="1:22" s="83" customFormat="1" ht="34.5" customHeight="1" x14ac:dyDescent="0.15">
      <c r="A245" s="248" t="s">
        <v>628</v>
      </c>
      <c r="B245" s="119"/>
      <c r="C245" s="324" t="s">
        <v>131</v>
      </c>
      <c r="D245" s="325"/>
      <c r="E245" s="325"/>
      <c r="F245" s="325"/>
      <c r="G245" s="325"/>
      <c r="H245" s="326"/>
      <c r="I245" s="412"/>
      <c r="J245" s="260" t="s">
        <v>538</v>
      </c>
      <c r="K245" s="81"/>
      <c r="L245" s="105"/>
    </row>
    <row r="246" spans="1:22" s="91" customFormat="1" x14ac:dyDescent="0.15">
      <c r="A246" s="243"/>
      <c r="B246" s="18"/>
      <c r="C246" s="241"/>
      <c r="D246" s="18"/>
      <c r="E246" s="18"/>
      <c r="F246" s="18"/>
      <c r="G246" s="18"/>
      <c r="H246" s="14"/>
      <c r="I246" s="14"/>
      <c r="J246" s="88"/>
      <c r="K246" s="89"/>
      <c r="L246" s="76"/>
    </row>
    <row r="247" spans="1:22" s="83" customFormat="1" x14ac:dyDescent="0.15">
      <c r="A247" s="243"/>
      <c r="B247" s="84"/>
      <c r="C247" s="62"/>
      <c r="D247" s="62"/>
      <c r="E247" s="62"/>
      <c r="F247" s="62"/>
      <c r="G247" s="62"/>
      <c r="H247" s="92"/>
      <c r="I247" s="92"/>
      <c r="J247" s="88"/>
      <c r="K247" s="89"/>
      <c r="L247" s="90"/>
    </row>
    <row r="248" spans="1:22" s="91" customFormat="1" x14ac:dyDescent="0.15">
      <c r="A248" s="243"/>
      <c r="B248" s="1"/>
      <c r="C248" s="3"/>
      <c r="D248" s="3"/>
      <c r="E248" s="3"/>
      <c r="F248" s="3"/>
      <c r="G248" s="3"/>
      <c r="H248" s="286"/>
      <c r="I248" s="286"/>
      <c r="J248" s="126"/>
      <c r="K248" s="31"/>
      <c r="L248" s="108"/>
    </row>
    <row r="249" spans="1:22" s="91" customFormat="1" x14ac:dyDescent="0.15">
      <c r="A249" s="243"/>
      <c r="B249" s="18" t="s">
        <v>132</v>
      </c>
      <c r="C249" s="107"/>
      <c r="D249" s="107"/>
      <c r="E249" s="107"/>
      <c r="F249" s="107"/>
      <c r="G249" s="107"/>
      <c r="H249" s="14"/>
      <c r="I249" s="14"/>
      <c r="J249" s="61"/>
      <c r="K249" s="31"/>
      <c r="L249" s="108"/>
    </row>
    <row r="250" spans="1:22" x14ac:dyDescent="0.15">
      <c r="A250" s="243"/>
      <c r="B250" s="18"/>
      <c r="C250" s="18"/>
      <c r="D250" s="18"/>
      <c r="E250" s="18"/>
      <c r="F250" s="18"/>
      <c r="G250" s="18"/>
      <c r="H250" s="14"/>
      <c r="I250" s="14"/>
      <c r="L250" s="240"/>
      <c r="M250" s="8"/>
      <c r="N250" s="8"/>
      <c r="O250" s="8"/>
      <c r="P250" s="8"/>
      <c r="Q250" s="8"/>
      <c r="R250" s="8"/>
      <c r="S250" s="8"/>
      <c r="T250" s="8"/>
      <c r="U250" s="8"/>
      <c r="V250" s="8"/>
    </row>
    <row r="251" spans="1:22" ht="34.5" customHeight="1" x14ac:dyDescent="0.15">
      <c r="A251" s="243"/>
      <c r="B251" s="18"/>
      <c r="C251" s="3"/>
      <c r="D251" s="3"/>
      <c r="F251" s="3"/>
      <c r="G251" s="3"/>
      <c r="H251" s="286"/>
      <c r="I251" s="286"/>
      <c r="J251" s="77" t="s">
        <v>35</v>
      </c>
      <c r="K251" s="78"/>
      <c r="L251" s="66" t="s">
        <v>1051</v>
      </c>
      <c r="M251" s="8"/>
      <c r="N251" s="8"/>
      <c r="O251" s="8"/>
      <c r="P251" s="8"/>
      <c r="Q251" s="8"/>
      <c r="R251" s="8"/>
      <c r="S251" s="8"/>
      <c r="T251" s="8"/>
      <c r="U251" s="8"/>
      <c r="V251" s="8"/>
    </row>
    <row r="252" spans="1:22" ht="20.25" customHeight="1" x14ac:dyDescent="0.15">
      <c r="A252" s="243"/>
      <c r="B252" s="1"/>
      <c r="C252" s="62"/>
      <c r="D252" s="3"/>
      <c r="F252" s="3"/>
      <c r="G252" s="3"/>
      <c r="H252" s="286"/>
      <c r="I252" s="67" t="s">
        <v>36</v>
      </c>
      <c r="J252" s="68"/>
      <c r="K252" s="79"/>
      <c r="L252" s="70" t="s">
        <v>1052</v>
      </c>
      <c r="M252" s="8"/>
      <c r="N252" s="8"/>
      <c r="O252" s="8"/>
      <c r="P252" s="8"/>
      <c r="Q252" s="8"/>
      <c r="R252" s="8"/>
      <c r="S252" s="8"/>
      <c r="T252" s="8"/>
      <c r="U252" s="8"/>
      <c r="V252" s="8"/>
    </row>
    <row r="253" spans="1:22" s="83" customFormat="1" ht="56.1" customHeight="1" x14ac:dyDescent="0.15">
      <c r="A253" s="244" t="s">
        <v>630</v>
      </c>
      <c r="B253" s="119"/>
      <c r="C253" s="324" t="s">
        <v>133</v>
      </c>
      <c r="D253" s="325"/>
      <c r="E253" s="325"/>
      <c r="F253" s="325"/>
      <c r="G253" s="325"/>
      <c r="H253" s="326"/>
      <c r="I253" s="283" t="s">
        <v>134</v>
      </c>
      <c r="J253" s="260" t="s">
        <v>538</v>
      </c>
      <c r="K253" s="81"/>
      <c r="L253" s="110"/>
    </row>
    <row r="254" spans="1:22" s="83" customFormat="1" ht="98.1" customHeight="1" x14ac:dyDescent="0.15">
      <c r="A254" s="244" t="s">
        <v>631</v>
      </c>
      <c r="B254" s="119"/>
      <c r="C254" s="324" t="s">
        <v>135</v>
      </c>
      <c r="D254" s="325"/>
      <c r="E254" s="325"/>
      <c r="F254" s="325"/>
      <c r="G254" s="325"/>
      <c r="H254" s="326"/>
      <c r="I254" s="134" t="s">
        <v>136</v>
      </c>
      <c r="J254" s="260" t="s">
        <v>538</v>
      </c>
      <c r="K254" s="81"/>
      <c r="L254" s="105"/>
    </row>
    <row r="255" spans="1:22" s="91" customFormat="1" x14ac:dyDescent="0.15">
      <c r="A255" s="243"/>
      <c r="B255" s="18"/>
      <c r="C255" s="18"/>
      <c r="D255" s="18"/>
      <c r="E255" s="18"/>
      <c r="F255" s="18"/>
      <c r="G255" s="18"/>
      <c r="H255" s="14"/>
      <c r="I255" s="14"/>
      <c r="J255" s="88"/>
      <c r="K255" s="89"/>
      <c r="L255" s="76"/>
    </row>
    <row r="256" spans="1:22" s="83" customFormat="1" x14ac:dyDescent="0.15">
      <c r="A256" s="243"/>
      <c r="B256" s="84"/>
      <c r="C256" s="62"/>
      <c r="D256" s="62"/>
      <c r="E256" s="62"/>
      <c r="F256" s="62"/>
      <c r="G256" s="62"/>
      <c r="H256" s="92"/>
      <c r="I256" s="92"/>
      <c r="J256" s="88"/>
      <c r="K256" s="89"/>
      <c r="L256" s="90"/>
    </row>
    <row r="257" spans="1:22" s="91" customFormat="1" x14ac:dyDescent="0.15">
      <c r="A257" s="243"/>
      <c r="B257" s="119"/>
      <c r="C257" s="3"/>
      <c r="D257" s="3"/>
      <c r="E257" s="135"/>
      <c r="F257" s="135"/>
      <c r="G257" s="135"/>
      <c r="H257" s="136"/>
      <c r="I257" s="136"/>
      <c r="J257" s="88"/>
      <c r="K257" s="89"/>
      <c r="L257" s="90"/>
    </row>
    <row r="258" spans="1:22" s="91" customFormat="1" x14ac:dyDescent="0.15">
      <c r="A258" s="243"/>
      <c r="B258" s="18" t="s">
        <v>137</v>
      </c>
      <c r="C258" s="107"/>
      <c r="D258" s="107"/>
      <c r="E258" s="107"/>
      <c r="F258" s="107"/>
      <c r="G258" s="14"/>
      <c r="H258" s="14"/>
      <c r="I258" s="14"/>
      <c r="J258" s="61"/>
      <c r="K258" s="31"/>
      <c r="L258" s="108"/>
    </row>
    <row r="259" spans="1:22" x14ac:dyDescent="0.15">
      <c r="A259" s="243"/>
      <c r="B259" s="18"/>
      <c r="C259" s="18"/>
      <c r="D259" s="18"/>
      <c r="E259" s="18"/>
      <c r="F259" s="18"/>
      <c r="G259" s="18"/>
      <c r="H259" s="14"/>
      <c r="I259" s="14"/>
      <c r="L259" s="240"/>
      <c r="M259" s="8"/>
      <c r="N259" s="8"/>
      <c r="O259" s="8"/>
      <c r="P259" s="8"/>
      <c r="Q259" s="8"/>
      <c r="R259" s="8"/>
      <c r="S259" s="8"/>
      <c r="T259" s="8"/>
      <c r="U259" s="8"/>
      <c r="V259" s="8"/>
    </row>
    <row r="260" spans="1:22" ht="34.5" customHeight="1" x14ac:dyDescent="0.15">
      <c r="A260" s="243"/>
      <c r="B260" s="18"/>
      <c r="C260" s="3"/>
      <c r="D260" s="3"/>
      <c r="F260" s="3"/>
      <c r="G260" s="3"/>
      <c r="H260" s="286"/>
      <c r="I260" s="286"/>
      <c r="J260" s="77" t="s">
        <v>35</v>
      </c>
      <c r="K260" s="78"/>
      <c r="L260" s="66" t="s">
        <v>1051</v>
      </c>
      <c r="M260" s="8"/>
      <c r="N260" s="8"/>
      <c r="O260" s="8"/>
      <c r="P260" s="8"/>
      <c r="Q260" s="8"/>
      <c r="R260" s="8"/>
      <c r="S260" s="8"/>
      <c r="T260" s="8"/>
      <c r="U260" s="8"/>
      <c r="V260" s="8"/>
    </row>
    <row r="261" spans="1:22" x14ac:dyDescent="0.15">
      <c r="A261" s="243"/>
      <c r="B261" s="1"/>
      <c r="C261" s="62"/>
      <c r="D261" s="3"/>
      <c r="F261" s="3"/>
      <c r="G261" s="3"/>
      <c r="H261" s="286"/>
      <c r="I261" s="67" t="s">
        <v>36</v>
      </c>
      <c r="J261" s="68"/>
      <c r="K261" s="79"/>
      <c r="L261" s="70" t="s">
        <v>1052</v>
      </c>
      <c r="M261" s="8"/>
      <c r="N261" s="8"/>
      <c r="O261" s="8"/>
      <c r="P261" s="8"/>
      <c r="Q261" s="8"/>
      <c r="R261" s="8"/>
      <c r="S261" s="8"/>
      <c r="T261" s="8"/>
      <c r="U261" s="8"/>
      <c r="V261" s="8"/>
    </row>
    <row r="262" spans="1:22" s="83" customFormat="1" ht="56.1" customHeight="1" x14ac:dyDescent="0.15">
      <c r="A262" s="244" t="s">
        <v>632</v>
      </c>
      <c r="B262" s="119"/>
      <c r="C262" s="324" t="s">
        <v>138</v>
      </c>
      <c r="D262" s="325"/>
      <c r="E262" s="325"/>
      <c r="F262" s="325"/>
      <c r="G262" s="325"/>
      <c r="H262" s="326"/>
      <c r="I262" s="138" t="s">
        <v>139</v>
      </c>
      <c r="J262" s="260" t="s">
        <v>539</v>
      </c>
      <c r="K262" s="81"/>
      <c r="L262" s="110"/>
    </row>
    <row r="263" spans="1:22" s="83" customFormat="1" ht="56.1" customHeight="1" x14ac:dyDescent="0.15">
      <c r="A263" s="244" t="s">
        <v>633</v>
      </c>
      <c r="B263" s="119"/>
      <c r="C263" s="324" t="s">
        <v>140</v>
      </c>
      <c r="D263" s="325"/>
      <c r="E263" s="325"/>
      <c r="F263" s="325"/>
      <c r="G263" s="325"/>
      <c r="H263" s="326"/>
      <c r="I263" s="138" t="s">
        <v>141</v>
      </c>
      <c r="J263" s="260" t="s">
        <v>538</v>
      </c>
      <c r="K263" s="81"/>
      <c r="L263" s="101"/>
    </row>
    <row r="264" spans="1:22" s="83" customFormat="1" ht="56.1" customHeight="1" x14ac:dyDescent="0.15">
      <c r="A264" s="244" t="s">
        <v>634</v>
      </c>
      <c r="B264" s="119"/>
      <c r="C264" s="324" t="s">
        <v>142</v>
      </c>
      <c r="D264" s="325"/>
      <c r="E264" s="325"/>
      <c r="F264" s="325"/>
      <c r="G264" s="325"/>
      <c r="H264" s="326"/>
      <c r="I264" s="138" t="s">
        <v>143</v>
      </c>
      <c r="J264" s="260" t="s">
        <v>538</v>
      </c>
      <c r="K264" s="81"/>
      <c r="L264" s="105"/>
    </row>
    <row r="265" spans="1:22" s="91" customFormat="1" x14ac:dyDescent="0.15">
      <c r="A265" s="243"/>
      <c r="B265" s="18"/>
      <c r="C265" s="18"/>
      <c r="D265" s="18"/>
      <c r="E265" s="18"/>
      <c r="F265" s="18"/>
      <c r="G265" s="18"/>
      <c r="H265" s="14"/>
      <c r="I265" s="14"/>
      <c r="J265" s="88"/>
      <c r="K265" s="89"/>
      <c r="L265" s="76"/>
    </row>
    <row r="266" spans="1:22" s="83" customFormat="1" x14ac:dyDescent="0.15">
      <c r="A266" s="243"/>
      <c r="B266" s="84"/>
      <c r="C266" s="62"/>
      <c r="D266" s="62"/>
      <c r="E266" s="62"/>
      <c r="F266" s="62"/>
      <c r="G266" s="62"/>
      <c r="H266" s="92"/>
      <c r="I266" s="92"/>
      <c r="J266" s="88"/>
      <c r="K266" s="89"/>
      <c r="L266" s="90"/>
    </row>
    <row r="267" spans="1:22" s="91" customFormat="1" x14ac:dyDescent="0.15">
      <c r="A267" s="243"/>
      <c r="B267" s="1"/>
      <c r="C267" s="3"/>
      <c r="D267" s="3"/>
      <c r="E267" s="3"/>
      <c r="F267" s="3"/>
      <c r="G267" s="3"/>
      <c r="H267" s="286"/>
      <c r="I267" s="286"/>
      <c r="J267" s="61"/>
      <c r="K267" s="31"/>
      <c r="L267" s="108"/>
    </row>
    <row r="268" spans="1:22" x14ac:dyDescent="0.15">
      <c r="A268" s="243"/>
      <c r="B268" s="18" t="s">
        <v>144</v>
      </c>
      <c r="C268" s="18"/>
      <c r="D268" s="18"/>
      <c r="E268" s="18"/>
      <c r="F268" s="18"/>
      <c r="G268" s="18"/>
      <c r="H268" s="14"/>
      <c r="I268" s="14"/>
      <c r="J268" s="7"/>
      <c r="L268" s="139"/>
      <c r="M268" s="8"/>
      <c r="N268" s="8"/>
      <c r="O268" s="8"/>
      <c r="P268" s="8"/>
      <c r="Q268" s="8"/>
      <c r="R268" s="8"/>
      <c r="S268" s="8"/>
      <c r="T268" s="8"/>
      <c r="U268" s="8"/>
      <c r="V268" s="8"/>
    </row>
    <row r="269" spans="1:22" x14ac:dyDescent="0.15">
      <c r="A269" s="243"/>
      <c r="B269" s="18"/>
      <c r="C269" s="18"/>
      <c r="D269" s="18"/>
      <c r="E269" s="18"/>
      <c r="F269" s="18"/>
      <c r="G269" s="18"/>
      <c r="H269" s="14"/>
      <c r="I269" s="14"/>
      <c r="L269" s="240"/>
      <c r="M269" s="8"/>
      <c r="N269" s="8"/>
      <c r="O269" s="8"/>
      <c r="P269" s="8"/>
      <c r="Q269" s="8"/>
      <c r="R269" s="8"/>
      <c r="S269" s="8"/>
      <c r="T269" s="8"/>
      <c r="U269" s="8"/>
      <c r="V269" s="8"/>
    </row>
    <row r="270" spans="1:22" ht="34.5" customHeight="1" x14ac:dyDescent="0.15">
      <c r="A270" s="243"/>
      <c r="B270" s="18"/>
      <c r="C270" s="3"/>
      <c r="D270" s="3"/>
      <c r="F270" s="3"/>
      <c r="G270" s="3"/>
      <c r="H270" s="286"/>
      <c r="I270" s="286"/>
      <c r="J270" s="77" t="s">
        <v>35</v>
      </c>
      <c r="K270" s="78"/>
      <c r="L270" s="66" t="s">
        <v>1051</v>
      </c>
      <c r="M270" s="8"/>
      <c r="N270" s="8"/>
      <c r="O270" s="8"/>
      <c r="P270" s="8"/>
      <c r="Q270" s="8"/>
      <c r="R270" s="8"/>
      <c r="S270" s="8"/>
      <c r="T270" s="8"/>
      <c r="U270" s="8"/>
      <c r="V270" s="8"/>
    </row>
    <row r="271" spans="1:22" ht="20.25" customHeight="1" x14ac:dyDescent="0.15">
      <c r="A271" s="243"/>
      <c r="B271" s="1"/>
      <c r="C271" s="62"/>
      <c r="D271" s="3"/>
      <c r="F271" s="3"/>
      <c r="G271" s="3"/>
      <c r="H271" s="286"/>
      <c r="I271" s="67" t="s">
        <v>36</v>
      </c>
      <c r="J271" s="68"/>
      <c r="K271" s="79"/>
      <c r="L271" s="70" t="s">
        <v>1052</v>
      </c>
      <c r="M271" s="8"/>
      <c r="N271" s="8"/>
      <c r="O271" s="8"/>
      <c r="P271" s="8"/>
      <c r="Q271" s="8"/>
      <c r="R271" s="8"/>
      <c r="S271" s="8"/>
      <c r="T271" s="8"/>
      <c r="U271" s="8"/>
      <c r="V271" s="8"/>
    </row>
    <row r="272" spans="1:22" s="83" customFormat="1" ht="34.5" customHeight="1" x14ac:dyDescent="0.15">
      <c r="A272" s="244" t="s">
        <v>723</v>
      </c>
      <c r="B272" s="84"/>
      <c r="C272" s="375" t="s">
        <v>145</v>
      </c>
      <c r="D272" s="378"/>
      <c r="E272" s="378"/>
      <c r="F272" s="378"/>
      <c r="G272" s="375" t="s">
        <v>146</v>
      </c>
      <c r="H272" s="375"/>
      <c r="I272" s="407" t="s">
        <v>147</v>
      </c>
      <c r="J272" s="266">
        <v>3</v>
      </c>
      <c r="K272" s="81" t="str">
        <f t="shared" ref="K272:K299" si="8">IF(OR(COUNTIF(L272:L272,"未確認")&gt;0,COUNTIF(L272:L272,"~*")&gt;0),"※","")</f>
        <v/>
      </c>
      <c r="L272" s="141"/>
    </row>
    <row r="273" spans="1:12" s="83" customFormat="1" ht="34.5" customHeight="1" x14ac:dyDescent="0.15">
      <c r="A273" s="244" t="s">
        <v>723</v>
      </c>
      <c r="B273" s="84"/>
      <c r="C273" s="378"/>
      <c r="D273" s="378"/>
      <c r="E273" s="378"/>
      <c r="F273" s="378"/>
      <c r="G273" s="375" t="s">
        <v>148</v>
      </c>
      <c r="H273" s="375"/>
      <c r="I273" s="408"/>
      <c r="J273" s="267"/>
      <c r="K273" s="81" t="str">
        <f t="shared" si="8"/>
        <v/>
      </c>
      <c r="L273" s="144"/>
    </row>
    <row r="274" spans="1:12" s="83" customFormat="1" ht="34.5" customHeight="1" x14ac:dyDescent="0.15">
      <c r="A274" s="244" t="s">
        <v>724</v>
      </c>
      <c r="B274" s="84"/>
      <c r="C274" s="375" t="s">
        <v>149</v>
      </c>
      <c r="D274" s="378"/>
      <c r="E274" s="378"/>
      <c r="F274" s="378"/>
      <c r="G274" s="375" t="s">
        <v>146</v>
      </c>
      <c r="H274" s="375"/>
      <c r="I274" s="408"/>
      <c r="J274" s="266"/>
      <c r="K274" s="81" t="str">
        <f t="shared" si="8"/>
        <v/>
      </c>
      <c r="L274" s="141"/>
    </row>
    <row r="275" spans="1:12" s="83" customFormat="1" ht="34.5" customHeight="1" x14ac:dyDescent="0.15">
      <c r="A275" s="244" t="s">
        <v>724</v>
      </c>
      <c r="B275" s="84"/>
      <c r="C275" s="378"/>
      <c r="D275" s="378"/>
      <c r="E275" s="378"/>
      <c r="F275" s="378"/>
      <c r="G275" s="375" t="s">
        <v>148</v>
      </c>
      <c r="H275" s="375"/>
      <c r="I275" s="408"/>
      <c r="J275" s="267"/>
      <c r="K275" s="81" t="str">
        <f t="shared" si="8"/>
        <v/>
      </c>
      <c r="L275" s="144"/>
    </row>
    <row r="276" spans="1:12" s="83" customFormat="1" ht="34.5" customHeight="1" x14ac:dyDescent="0.15">
      <c r="A276" s="249" t="s">
        <v>725</v>
      </c>
      <c r="B276" s="120"/>
      <c r="C276" s="375" t="s">
        <v>150</v>
      </c>
      <c r="D276" s="375"/>
      <c r="E276" s="375"/>
      <c r="F276" s="375"/>
      <c r="G276" s="375" t="s">
        <v>146</v>
      </c>
      <c r="H276" s="375"/>
      <c r="I276" s="408"/>
      <c r="J276" s="266">
        <f t="shared" ref="J276:J291" si="9">IF(SUM(L276:L276)=0,IF(COUNTIF(L276:L276,"未確認")&gt;0,"未確認",IF(COUNTIF(L276:L276,"~*")&gt;0,"*",SUM(L276:L276))),SUM(L276:L276))</f>
        <v>7</v>
      </c>
      <c r="K276" s="81" t="str">
        <f t="shared" si="8"/>
        <v/>
      </c>
      <c r="L276" s="147">
        <v>7</v>
      </c>
    </row>
    <row r="277" spans="1:12" s="83" customFormat="1" ht="34.5" customHeight="1" x14ac:dyDescent="0.15">
      <c r="A277" s="249" t="s">
        <v>725</v>
      </c>
      <c r="B277" s="120"/>
      <c r="C277" s="375"/>
      <c r="D277" s="375"/>
      <c r="E277" s="375"/>
      <c r="F277" s="375"/>
      <c r="G277" s="375" t="s">
        <v>148</v>
      </c>
      <c r="H277" s="375"/>
      <c r="I277" s="408"/>
      <c r="J277" s="266">
        <f t="shared" si="9"/>
        <v>5</v>
      </c>
      <c r="K277" s="81" t="str">
        <f t="shared" si="8"/>
        <v/>
      </c>
      <c r="L277" s="148">
        <v>5</v>
      </c>
    </row>
    <row r="278" spans="1:12" s="83" customFormat="1" ht="34.5" customHeight="1" x14ac:dyDescent="0.15">
      <c r="A278" s="249" t="s">
        <v>726</v>
      </c>
      <c r="B278" s="120"/>
      <c r="C278" s="375" t="s">
        <v>151</v>
      </c>
      <c r="D278" s="376"/>
      <c r="E278" s="376"/>
      <c r="F278" s="376"/>
      <c r="G278" s="375" t="s">
        <v>146</v>
      </c>
      <c r="H278" s="375"/>
      <c r="I278" s="408"/>
      <c r="J278" s="266">
        <f t="shared" si="9"/>
        <v>9</v>
      </c>
      <c r="K278" s="81" t="str">
        <f t="shared" si="8"/>
        <v/>
      </c>
      <c r="L278" s="147">
        <v>9</v>
      </c>
    </row>
    <row r="279" spans="1:12" s="83" customFormat="1" ht="34.5" customHeight="1" x14ac:dyDescent="0.15">
      <c r="A279" s="249" t="s">
        <v>726</v>
      </c>
      <c r="B279" s="120"/>
      <c r="C279" s="376"/>
      <c r="D279" s="376"/>
      <c r="E279" s="376"/>
      <c r="F279" s="376"/>
      <c r="G279" s="375" t="s">
        <v>148</v>
      </c>
      <c r="H279" s="375"/>
      <c r="I279" s="408"/>
      <c r="J279" s="266">
        <f t="shared" si="9"/>
        <v>0</v>
      </c>
      <c r="K279" s="81" t="str">
        <f t="shared" si="8"/>
        <v/>
      </c>
      <c r="L279" s="148"/>
    </row>
    <row r="280" spans="1:12" s="83" customFormat="1" ht="34.5" customHeight="1" x14ac:dyDescent="0.15">
      <c r="A280" s="249" t="s">
        <v>727</v>
      </c>
      <c r="B280" s="120"/>
      <c r="C280" s="375" t="s">
        <v>152</v>
      </c>
      <c r="D280" s="376"/>
      <c r="E280" s="376"/>
      <c r="F280" s="376"/>
      <c r="G280" s="375" t="s">
        <v>146</v>
      </c>
      <c r="H280" s="375"/>
      <c r="I280" s="408"/>
      <c r="J280" s="266">
        <f t="shared" si="9"/>
        <v>9</v>
      </c>
      <c r="K280" s="81" t="str">
        <f t="shared" si="8"/>
        <v/>
      </c>
      <c r="L280" s="147">
        <v>9</v>
      </c>
    </row>
    <row r="281" spans="1:12" s="83" customFormat="1" ht="34.5" customHeight="1" x14ac:dyDescent="0.15">
      <c r="A281" s="249" t="s">
        <v>727</v>
      </c>
      <c r="B281" s="120"/>
      <c r="C281" s="376"/>
      <c r="D281" s="376"/>
      <c r="E281" s="376"/>
      <c r="F281" s="376"/>
      <c r="G281" s="375" t="s">
        <v>148</v>
      </c>
      <c r="H281" s="375"/>
      <c r="I281" s="408"/>
      <c r="J281" s="266">
        <f t="shared" si="9"/>
        <v>0</v>
      </c>
      <c r="K281" s="81" t="str">
        <f t="shared" si="8"/>
        <v/>
      </c>
      <c r="L281" s="148"/>
    </row>
    <row r="282" spans="1:12" s="83" customFormat="1" ht="34.5" customHeight="1" x14ac:dyDescent="0.15">
      <c r="A282" s="249" t="s">
        <v>728</v>
      </c>
      <c r="B282" s="120"/>
      <c r="C282" s="375" t="s">
        <v>153</v>
      </c>
      <c r="D282" s="376"/>
      <c r="E282" s="376"/>
      <c r="F282" s="376"/>
      <c r="G282" s="375" t="s">
        <v>146</v>
      </c>
      <c r="H282" s="375"/>
      <c r="I282" s="408"/>
      <c r="J282" s="266">
        <f t="shared" si="9"/>
        <v>0</v>
      </c>
      <c r="K282" s="81" t="str">
        <f t="shared" si="8"/>
        <v/>
      </c>
      <c r="L282" s="147"/>
    </row>
    <row r="283" spans="1:12" s="83" customFormat="1" ht="34.5" customHeight="1" x14ac:dyDescent="0.15">
      <c r="A283" s="249" t="s">
        <v>728</v>
      </c>
      <c r="B283" s="84"/>
      <c r="C283" s="376"/>
      <c r="D283" s="376"/>
      <c r="E283" s="376"/>
      <c r="F283" s="376"/>
      <c r="G283" s="375" t="s">
        <v>148</v>
      </c>
      <c r="H283" s="375"/>
      <c r="I283" s="408"/>
      <c r="J283" s="266">
        <f t="shared" si="9"/>
        <v>0</v>
      </c>
      <c r="K283" s="81" t="str">
        <f t="shared" si="8"/>
        <v/>
      </c>
      <c r="L283" s="148"/>
    </row>
    <row r="284" spans="1:12" s="83" customFormat="1" ht="34.5" customHeight="1" x14ac:dyDescent="0.15">
      <c r="A284" s="249" t="s">
        <v>729</v>
      </c>
      <c r="B284" s="84"/>
      <c r="C284" s="375" t="s">
        <v>154</v>
      </c>
      <c r="D284" s="376"/>
      <c r="E284" s="376"/>
      <c r="F284" s="376"/>
      <c r="G284" s="375" t="s">
        <v>146</v>
      </c>
      <c r="H284" s="375"/>
      <c r="I284" s="408"/>
      <c r="J284" s="266">
        <f t="shared" si="9"/>
        <v>0</v>
      </c>
      <c r="K284" s="81" t="str">
        <f t="shared" si="8"/>
        <v/>
      </c>
      <c r="L284" s="147"/>
    </row>
    <row r="285" spans="1:12" s="83" customFormat="1" ht="34.5" customHeight="1" x14ac:dyDescent="0.15">
      <c r="A285" s="249" t="s">
        <v>729</v>
      </c>
      <c r="B285" s="84"/>
      <c r="C285" s="376"/>
      <c r="D285" s="376"/>
      <c r="E285" s="376"/>
      <c r="F285" s="376"/>
      <c r="G285" s="375" t="s">
        <v>148</v>
      </c>
      <c r="H285" s="375"/>
      <c r="I285" s="408"/>
      <c r="J285" s="266">
        <f t="shared" si="9"/>
        <v>0</v>
      </c>
      <c r="K285" s="81" t="str">
        <f t="shared" si="8"/>
        <v/>
      </c>
      <c r="L285" s="148"/>
    </row>
    <row r="286" spans="1:12" s="83" customFormat="1" ht="34.5" customHeight="1" x14ac:dyDescent="0.15">
      <c r="A286" s="249" t="s">
        <v>730</v>
      </c>
      <c r="B286" s="84"/>
      <c r="C286" s="375" t="s">
        <v>155</v>
      </c>
      <c r="D286" s="376"/>
      <c r="E286" s="376"/>
      <c r="F286" s="376"/>
      <c r="G286" s="375" t="s">
        <v>146</v>
      </c>
      <c r="H286" s="375"/>
      <c r="I286" s="408"/>
      <c r="J286" s="266">
        <f t="shared" si="9"/>
        <v>0</v>
      </c>
      <c r="K286" s="81" t="str">
        <f t="shared" si="8"/>
        <v/>
      </c>
      <c r="L286" s="147"/>
    </row>
    <row r="287" spans="1:12" s="83" customFormat="1" ht="34.5" customHeight="1" x14ac:dyDescent="0.15">
      <c r="A287" s="249" t="s">
        <v>730</v>
      </c>
      <c r="B287" s="84"/>
      <c r="C287" s="376"/>
      <c r="D287" s="376"/>
      <c r="E287" s="376"/>
      <c r="F287" s="376"/>
      <c r="G287" s="375" t="s">
        <v>148</v>
      </c>
      <c r="H287" s="375"/>
      <c r="I287" s="408"/>
      <c r="J287" s="266">
        <f t="shared" si="9"/>
        <v>0</v>
      </c>
      <c r="K287" s="81" t="str">
        <f t="shared" si="8"/>
        <v/>
      </c>
      <c r="L287" s="148"/>
    </row>
    <row r="288" spans="1:12" s="83" customFormat="1" ht="34.5" customHeight="1" x14ac:dyDescent="0.15">
      <c r="A288" s="249" t="s">
        <v>731</v>
      </c>
      <c r="B288" s="84"/>
      <c r="C288" s="375" t="s">
        <v>156</v>
      </c>
      <c r="D288" s="376"/>
      <c r="E288" s="376"/>
      <c r="F288" s="376"/>
      <c r="G288" s="375" t="s">
        <v>146</v>
      </c>
      <c r="H288" s="375"/>
      <c r="I288" s="408"/>
      <c r="J288" s="266">
        <f t="shared" si="9"/>
        <v>0</v>
      </c>
      <c r="K288" s="81" t="str">
        <f t="shared" si="8"/>
        <v/>
      </c>
      <c r="L288" s="147"/>
    </row>
    <row r="289" spans="1:22" s="83" customFormat="1" ht="34.5" customHeight="1" x14ac:dyDescent="0.15">
      <c r="A289" s="249" t="s">
        <v>731</v>
      </c>
      <c r="B289" s="84"/>
      <c r="C289" s="376"/>
      <c r="D289" s="376"/>
      <c r="E289" s="376"/>
      <c r="F289" s="376"/>
      <c r="G289" s="375" t="s">
        <v>148</v>
      </c>
      <c r="H289" s="375"/>
      <c r="I289" s="408"/>
      <c r="J289" s="266">
        <f t="shared" si="9"/>
        <v>0</v>
      </c>
      <c r="K289" s="81" t="str">
        <f t="shared" si="8"/>
        <v/>
      </c>
      <c r="L289" s="148"/>
    </row>
    <row r="290" spans="1:22" s="83" customFormat="1" ht="34.5" customHeight="1" x14ac:dyDescent="0.15">
      <c r="A290" s="249" t="s">
        <v>732</v>
      </c>
      <c r="B290" s="84"/>
      <c r="C290" s="375" t="s">
        <v>157</v>
      </c>
      <c r="D290" s="376"/>
      <c r="E290" s="376"/>
      <c r="F290" s="376"/>
      <c r="G290" s="375" t="s">
        <v>146</v>
      </c>
      <c r="H290" s="375"/>
      <c r="I290" s="408"/>
      <c r="J290" s="266">
        <f t="shared" si="9"/>
        <v>1</v>
      </c>
      <c r="K290" s="81" t="str">
        <f t="shared" si="8"/>
        <v/>
      </c>
      <c r="L290" s="147">
        <v>1</v>
      </c>
    </row>
    <row r="291" spans="1:22" s="83" customFormat="1" ht="34.5" customHeight="1" x14ac:dyDescent="0.15">
      <c r="A291" s="249" t="s">
        <v>732</v>
      </c>
      <c r="B291" s="84"/>
      <c r="C291" s="376"/>
      <c r="D291" s="376"/>
      <c r="E291" s="376"/>
      <c r="F291" s="376"/>
      <c r="G291" s="375" t="s">
        <v>148</v>
      </c>
      <c r="H291" s="375"/>
      <c r="I291" s="408"/>
      <c r="J291" s="266">
        <f t="shared" si="9"/>
        <v>0</v>
      </c>
      <c r="K291" s="81" t="str">
        <f t="shared" si="8"/>
        <v/>
      </c>
      <c r="L291" s="148"/>
    </row>
    <row r="292" spans="1:22" s="83" customFormat="1" ht="34.5" customHeight="1" x14ac:dyDescent="0.15">
      <c r="A292" s="244" t="s">
        <v>733</v>
      </c>
      <c r="B292" s="84"/>
      <c r="C292" s="375" t="s">
        <v>158</v>
      </c>
      <c r="D292" s="378"/>
      <c r="E292" s="378"/>
      <c r="F292" s="378"/>
      <c r="G292" s="375" t="s">
        <v>146</v>
      </c>
      <c r="H292" s="375"/>
      <c r="I292" s="408"/>
      <c r="J292" s="266"/>
      <c r="K292" s="81" t="str">
        <f t="shared" si="8"/>
        <v/>
      </c>
      <c r="L292" s="141"/>
    </row>
    <row r="293" spans="1:22" s="83" customFormat="1" ht="34.5" customHeight="1" x14ac:dyDescent="0.15">
      <c r="A293" s="244" t="s">
        <v>733</v>
      </c>
      <c r="B293" s="84"/>
      <c r="C293" s="378"/>
      <c r="D293" s="378"/>
      <c r="E293" s="378"/>
      <c r="F293" s="378"/>
      <c r="G293" s="375" t="s">
        <v>148</v>
      </c>
      <c r="H293" s="375"/>
      <c r="I293" s="408"/>
      <c r="J293" s="266"/>
      <c r="K293" s="81" t="str">
        <f t="shared" si="8"/>
        <v/>
      </c>
      <c r="L293" s="144"/>
    </row>
    <row r="294" spans="1:22" s="83" customFormat="1" ht="34.5" customHeight="1" x14ac:dyDescent="0.15">
      <c r="A294" s="244" t="s">
        <v>734</v>
      </c>
      <c r="B294" s="84"/>
      <c r="C294" s="375" t="s">
        <v>159</v>
      </c>
      <c r="D294" s="378"/>
      <c r="E294" s="378"/>
      <c r="F294" s="378"/>
      <c r="G294" s="375" t="s">
        <v>146</v>
      </c>
      <c r="H294" s="375"/>
      <c r="I294" s="408"/>
      <c r="J294" s="266">
        <v>2</v>
      </c>
      <c r="K294" s="81" t="str">
        <f t="shared" si="8"/>
        <v/>
      </c>
      <c r="L294" s="141"/>
    </row>
    <row r="295" spans="1:22" s="83" customFormat="1" ht="34.5" customHeight="1" x14ac:dyDescent="0.15">
      <c r="A295" s="244" t="s">
        <v>734</v>
      </c>
      <c r="B295" s="84"/>
      <c r="C295" s="378"/>
      <c r="D295" s="378"/>
      <c r="E295" s="378"/>
      <c r="F295" s="378"/>
      <c r="G295" s="375" t="s">
        <v>148</v>
      </c>
      <c r="H295" s="375"/>
      <c r="I295" s="408"/>
      <c r="J295" s="266"/>
      <c r="K295" s="81" t="str">
        <f t="shared" si="8"/>
        <v/>
      </c>
      <c r="L295" s="144"/>
    </row>
    <row r="296" spans="1:22" s="83" customFormat="1" ht="34.5" customHeight="1" x14ac:dyDescent="0.15">
      <c r="A296" s="249" t="s">
        <v>735</v>
      </c>
      <c r="B296" s="84"/>
      <c r="C296" s="375" t="s">
        <v>160</v>
      </c>
      <c r="D296" s="376"/>
      <c r="E296" s="376"/>
      <c r="F296" s="376"/>
      <c r="G296" s="375" t="s">
        <v>146</v>
      </c>
      <c r="H296" s="375"/>
      <c r="I296" s="408"/>
      <c r="J296" s="266">
        <f>IF(SUM(L296:L296)=0,IF(COUNTIF(L296:L296,"未確認")&gt;0,"未確認",IF(COUNTIF(L296:L296,"~*")&gt;0,"*",SUM(L296:L296))),SUM(L296:L296))</f>
        <v>0</v>
      </c>
      <c r="K296" s="81" t="str">
        <f t="shared" si="8"/>
        <v/>
      </c>
      <c r="L296" s="147"/>
    </row>
    <row r="297" spans="1:22" s="83" customFormat="1" ht="34.5" customHeight="1" x14ac:dyDescent="0.15">
      <c r="A297" s="249" t="s">
        <v>735</v>
      </c>
      <c r="B297" s="84"/>
      <c r="C297" s="376"/>
      <c r="D297" s="376"/>
      <c r="E297" s="376"/>
      <c r="F297" s="376"/>
      <c r="G297" s="375" t="s">
        <v>148</v>
      </c>
      <c r="H297" s="375"/>
      <c r="I297" s="408"/>
      <c r="J297" s="266">
        <f>IF(SUM(L297:L297)=0,IF(COUNTIF(L297:L297,"未確認")&gt;0,"未確認",IF(COUNTIF(L297:L297,"~*")&gt;0,"*",SUM(L297:L297))),SUM(L297:L297))</f>
        <v>0</v>
      </c>
      <c r="K297" s="81" t="str">
        <f t="shared" si="8"/>
        <v/>
      </c>
      <c r="L297" s="148"/>
    </row>
    <row r="298" spans="1:22" s="83" customFormat="1" ht="34.5" customHeight="1" x14ac:dyDescent="0.15">
      <c r="A298" s="249" t="s">
        <v>736</v>
      </c>
      <c r="B298" s="84"/>
      <c r="C298" s="375" t="s">
        <v>161</v>
      </c>
      <c r="D298" s="378"/>
      <c r="E298" s="378"/>
      <c r="F298" s="378"/>
      <c r="G298" s="375" t="s">
        <v>146</v>
      </c>
      <c r="H298" s="375"/>
      <c r="I298" s="408"/>
      <c r="J298" s="266">
        <f>IF(SUM(L298:L298)=0,IF(COUNTIF(L298:L298,"未確認")&gt;0,"未確認",IF(COUNTIF(L298:L298,"~*")&gt;0,"*",SUM(L298:L298))),SUM(L298:L298))</f>
        <v>0</v>
      </c>
      <c r="K298" s="81" t="str">
        <f t="shared" si="8"/>
        <v/>
      </c>
      <c r="L298" s="147"/>
    </row>
    <row r="299" spans="1:22" s="83" customFormat="1" ht="34.5" customHeight="1" x14ac:dyDescent="0.15">
      <c r="A299" s="249" t="s">
        <v>736</v>
      </c>
      <c r="B299" s="84"/>
      <c r="C299" s="378"/>
      <c r="D299" s="378"/>
      <c r="E299" s="378"/>
      <c r="F299" s="378"/>
      <c r="G299" s="375" t="s">
        <v>148</v>
      </c>
      <c r="H299" s="375"/>
      <c r="I299" s="409"/>
      <c r="J299" s="266">
        <f>IF(SUM(L299:L299)=0,IF(COUNTIF(L299:L299,"未確認")&gt;0,"未確認",IF(COUNTIF(L299:L299,"~*")&gt;0,"*",SUM(L299:L299))),SUM(L299:L299))</f>
        <v>0</v>
      </c>
      <c r="K299" s="81" t="str">
        <f t="shared" si="8"/>
        <v/>
      </c>
      <c r="L299" s="148"/>
    </row>
    <row r="300" spans="1:22" s="91" customFormat="1" x14ac:dyDescent="0.15">
      <c r="A300" s="243"/>
      <c r="B300" s="18"/>
      <c r="C300" s="18"/>
      <c r="D300" s="18"/>
      <c r="E300" s="18"/>
      <c r="F300" s="18"/>
      <c r="G300" s="18"/>
      <c r="H300" s="14"/>
      <c r="I300" s="14"/>
      <c r="J300" s="88"/>
      <c r="K300" s="89"/>
      <c r="L300" s="90"/>
      <c r="M300" s="90"/>
      <c r="N300" s="90"/>
      <c r="O300" s="90"/>
      <c r="P300" s="90"/>
      <c r="Q300" s="90"/>
      <c r="R300" s="90"/>
      <c r="S300" s="90"/>
      <c r="T300" s="90"/>
      <c r="U300" s="90"/>
      <c r="V300" s="90"/>
    </row>
    <row r="301" spans="1:22" x14ac:dyDescent="0.15">
      <c r="A301" s="243"/>
      <c r="B301" s="18"/>
      <c r="C301" s="18"/>
      <c r="D301" s="18"/>
      <c r="E301" s="18"/>
      <c r="F301" s="18"/>
      <c r="G301" s="18"/>
      <c r="H301" s="14"/>
      <c r="I301" s="14"/>
      <c r="L301" s="76"/>
      <c r="M301" s="149"/>
      <c r="N301" s="149"/>
      <c r="O301" s="76"/>
      <c r="P301" s="76"/>
      <c r="Q301" s="76"/>
      <c r="R301" s="76"/>
      <c r="S301" s="76"/>
      <c r="T301" s="76"/>
      <c r="U301" s="76"/>
      <c r="V301" s="76"/>
    </row>
    <row r="302" spans="1:22" ht="34.5" customHeight="1" x14ac:dyDescent="0.15">
      <c r="A302" s="243"/>
      <c r="B302" s="18"/>
      <c r="C302" s="3"/>
      <c r="D302" s="3"/>
      <c r="F302" s="3"/>
      <c r="G302" s="3"/>
      <c r="H302" s="286"/>
      <c r="I302" s="286"/>
      <c r="J302" s="77" t="s">
        <v>35</v>
      </c>
      <c r="K302" s="78"/>
      <c r="L302" s="281" t="s">
        <v>162</v>
      </c>
      <c r="M302" s="8"/>
      <c r="N302" s="8"/>
      <c r="O302" s="139"/>
      <c r="P302" s="139"/>
      <c r="Q302" s="139"/>
      <c r="R302" s="139"/>
      <c r="S302" s="139"/>
      <c r="T302" s="139"/>
      <c r="U302" s="139"/>
      <c r="V302" s="139"/>
    </row>
    <row r="303" spans="1:22" ht="20.25" customHeight="1" x14ac:dyDescent="0.15">
      <c r="A303" s="243"/>
      <c r="B303" s="1"/>
      <c r="C303" s="62"/>
      <c r="D303" s="3"/>
      <c r="F303" s="3"/>
      <c r="G303" s="3"/>
      <c r="H303" s="286"/>
      <c r="I303" s="67" t="s">
        <v>36</v>
      </c>
      <c r="J303" s="68"/>
      <c r="K303" s="79"/>
      <c r="L303" s="150" t="s">
        <v>164</v>
      </c>
      <c r="M303" s="281" t="s">
        <v>165</v>
      </c>
      <c r="N303" s="281" t="s">
        <v>166</v>
      </c>
      <c r="O303" s="139"/>
      <c r="P303" s="139"/>
      <c r="Q303" s="139"/>
      <c r="R303" s="139"/>
      <c r="S303" s="139"/>
      <c r="T303" s="139"/>
      <c r="U303" s="139"/>
      <c r="V303" s="8"/>
    </row>
    <row r="304" spans="1:22" s="83" customFormat="1" ht="34.5" customHeight="1" x14ac:dyDescent="0.15">
      <c r="A304" s="249" t="s">
        <v>737</v>
      </c>
      <c r="B304" s="120"/>
      <c r="C304" s="375" t="s">
        <v>150</v>
      </c>
      <c r="D304" s="375"/>
      <c r="E304" s="375"/>
      <c r="F304" s="375"/>
      <c r="G304" s="324" t="s">
        <v>146</v>
      </c>
      <c r="H304" s="326"/>
      <c r="I304" s="404" t="s">
        <v>167</v>
      </c>
      <c r="J304" s="151"/>
      <c r="K304" s="152"/>
      <c r="L304" s="147"/>
      <c r="M304" s="147"/>
      <c r="N304" s="147"/>
      <c r="O304" s="139"/>
      <c r="P304" s="139"/>
      <c r="Q304" s="139"/>
      <c r="R304" s="139"/>
      <c r="S304" s="139"/>
      <c r="T304" s="139"/>
      <c r="U304" s="139"/>
    </row>
    <row r="305" spans="1:21" s="83" customFormat="1" ht="34.5" customHeight="1" x14ac:dyDescent="0.15">
      <c r="A305" s="249" t="s">
        <v>737</v>
      </c>
      <c r="B305" s="120"/>
      <c r="C305" s="375"/>
      <c r="D305" s="375"/>
      <c r="E305" s="375"/>
      <c r="F305" s="375"/>
      <c r="G305" s="324" t="s">
        <v>148</v>
      </c>
      <c r="H305" s="326"/>
      <c r="I305" s="405"/>
      <c r="J305" s="151"/>
      <c r="K305" s="153"/>
      <c r="L305" s="148"/>
      <c r="M305" s="148">
        <v>3</v>
      </c>
      <c r="N305" s="148"/>
      <c r="O305" s="139"/>
      <c r="P305" s="139"/>
      <c r="Q305" s="139"/>
      <c r="R305" s="139"/>
      <c r="S305" s="139"/>
      <c r="T305" s="139"/>
      <c r="U305" s="139"/>
    </row>
    <row r="306" spans="1:21" s="83" customFormat="1" ht="34.5" customHeight="1" x14ac:dyDescent="0.15">
      <c r="A306" s="249" t="s">
        <v>738</v>
      </c>
      <c r="B306" s="120"/>
      <c r="C306" s="375" t="s">
        <v>151</v>
      </c>
      <c r="D306" s="376"/>
      <c r="E306" s="376"/>
      <c r="F306" s="376"/>
      <c r="G306" s="324" t="s">
        <v>146</v>
      </c>
      <c r="H306" s="326"/>
      <c r="I306" s="405"/>
      <c r="J306" s="151"/>
      <c r="K306" s="152"/>
      <c r="L306" s="147"/>
      <c r="M306" s="147">
        <v>1</v>
      </c>
      <c r="N306" s="147"/>
      <c r="O306" s="139"/>
      <c r="P306" s="139"/>
      <c r="Q306" s="139"/>
      <c r="R306" s="139"/>
      <c r="S306" s="139"/>
      <c r="T306" s="139"/>
      <c r="U306" s="139"/>
    </row>
    <row r="307" spans="1:21" s="83" customFormat="1" ht="34.5" customHeight="1" x14ac:dyDescent="0.15">
      <c r="A307" s="249" t="s">
        <v>738</v>
      </c>
      <c r="B307" s="120"/>
      <c r="C307" s="376"/>
      <c r="D307" s="376"/>
      <c r="E307" s="376"/>
      <c r="F307" s="376"/>
      <c r="G307" s="324" t="s">
        <v>148</v>
      </c>
      <c r="H307" s="326"/>
      <c r="I307" s="405"/>
      <c r="J307" s="151"/>
      <c r="K307" s="153"/>
      <c r="L307" s="148"/>
      <c r="M307" s="148"/>
      <c r="N307" s="148"/>
      <c r="O307" s="139"/>
      <c r="P307" s="139"/>
      <c r="Q307" s="139"/>
      <c r="R307" s="139"/>
      <c r="S307" s="139"/>
      <c r="T307" s="139"/>
      <c r="U307" s="139"/>
    </row>
    <row r="308" spans="1:21" s="83" customFormat="1" ht="34.5" customHeight="1" x14ac:dyDescent="0.15">
      <c r="A308" s="249" t="s">
        <v>739</v>
      </c>
      <c r="B308" s="120"/>
      <c r="C308" s="375" t="s">
        <v>152</v>
      </c>
      <c r="D308" s="376"/>
      <c r="E308" s="376"/>
      <c r="F308" s="376"/>
      <c r="G308" s="324" t="s">
        <v>146</v>
      </c>
      <c r="H308" s="326"/>
      <c r="I308" s="405"/>
      <c r="J308" s="151"/>
      <c r="K308" s="152"/>
      <c r="L308" s="147"/>
      <c r="M308" s="147"/>
      <c r="N308" s="147"/>
      <c r="O308" s="139"/>
      <c r="P308" s="139"/>
      <c r="Q308" s="139"/>
      <c r="R308" s="139"/>
      <c r="S308" s="139"/>
      <c r="T308" s="139"/>
      <c r="U308" s="139"/>
    </row>
    <row r="309" spans="1:21" s="83" customFormat="1" ht="34.5" customHeight="1" x14ac:dyDescent="0.15">
      <c r="A309" s="249" t="s">
        <v>739</v>
      </c>
      <c r="B309" s="120"/>
      <c r="C309" s="376"/>
      <c r="D309" s="376"/>
      <c r="E309" s="376"/>
      <c r="F309" s="376"/>
      <c r="G309" s="324" t="s">
        <v>148</v>
      </c>
      <c r="H309" s="326"/>
      <c r="I309" s="405"/>
      <c r="J309" s="151"/>
      <c r="K309" s="153"/>
      <c r="L309" s="148"/>
      <c r="M309" s="148"/>
      <c r="N309" s="148"/>
      <c r="O309" s="139"/>
      <c r="P309" s="139"/>
      <c r="Q309" s="139"/>
      <c r="R309" s="139"/>
      <c r="S309" s="139"/>
      <c r="T309" s="139"/>
      <c r="U309" s="139"/>
    </row>
    <row r="310" spans="1:21" s="83" customFormat="1" ht="34.5" customHeight="1" x14ac:dyDescent="0.15">
      <c r="A310" s="249" t="s">
        <v>740</v>
      </c>
      <c r="B310" s="120"/>
      <c r="C310" s="375" t="s">
        <v>153</v>
      </c>
      <c r="D310" s="376"/>
      <c r="E310" s="376"/>
      <c r="F310" s="376"/>
      <c r="G310" s="324" t="s">
        <v>146</v>
      </c>
      <c r="H310" s="326"/>
      <c r="I310" s="405"/>
      <c r="J310" s="151"/>
      <c r="K310" s="152"/>
      <c r="L310" s="147"/>
      <c r="M310" s="147"/>
      <c r="N310" s="147"/>
      <c r="O310" s="139"/>
      <c r="P310" s="139"/>
      <c r="Q310" s="139"/>
      <c r="R310" s="139"/>
      <c r="S310" s="139"/>
      <c r="T310" s="139"/>
      <c r="U310" s="139"/>
    </row>
    <row r="311" spans="1:21" s="83" customFormat="1" ht="34.5" customHeight="1" x14ac:dyDescent="0.15">
      <c r="A311" s="249" t="s">
        <v>740</v>
      </c>
      <c r="B311" s="84"/>
      <c r="C311" s="376"/>
      <c r="D311" s="376"/>
      <c r="E311" s="376"/>
      <c r="F311" s="376"/>
      <c r="G311" s="324" t="s">
        <v>148</v>
      </c>
      <c r="H311" s="326"/>
      <c r="I311" s="405"/>
      <c r="J311" s="151"/>
      <c r="K311" s="153"/>
      <c r="L311" s="148"/>
      <c r="M311" s="148"/>
      <c r="N311" s="148"/>
      <c r="O311" s="139"/>
      <c r="P311" s="139"/>
      <c r="Q311" s="139"/>
      <c r="R311" s="139"/>
      <c r="S311" s="139"/>
      <c r="T311" s="139"/>
      <c r="U311" s="139"/>
    </row>
    <row r="312" spans="1:21" s="83" customFormat="1" ht="34.5" customHeight="1" x14ac:dyDescent="0.15">
      <c r="A312" s="249" t="s">
        <v>741</v>
      </c>
      <c r="B312" s="84"/>
      <c r="C312" s="375" t="s">
        <v>154</v>
      </c>
      <c r="D312" s="376"/>
      <c r="E312" s="376"/>
      <c r="F312" s="376"/>
      <c r="G312" s="324" t="s">
        <v>146</v>
      </c>
      <c r="H312" s="326"/>
      <c r="I312" s="405"/>
      <c r="J312" s="151"/>
      <c r="K312" s="152"/>
      <c r="L312" s="147"/>
      <c r="M312" s="147"/>
      <c r="N312" s="147"/>
      <c r="O312" s="139"/>
      <c r="P312" s="139"/>
      <c r="Q312" s="139"/>
      <c r="R312" s="139"/>
      <c r="S312" s="139"/>
      <c r="T312" s="139"/>
      <c r="U312" s="139"/>
    </row>
    <row r="313" spans="1:21" s="83" customFormat="1" ht="34.5" customHeight="1" x14ac:dyDescent="0.15">
      <c r="A313" s="249" t="s">
        <v>741</v>
      </c>
      <c r="B313" s="84"/>
      <c r="C313" s="376"/>
      <c r="D313" s="376"/>
      <c r="E313" s="376"/>
      <c r="F313" s="376"/>
      <c r="G313" s="324" t="s">
        <v>148</v>
      </c>
      <c r="H313" s="326"/>
      <c r="I313" s="405"/>
      <c r="J313" s="151"/>
      <c r="K313" s="153"/>
      <c r="L313" s="148"/>
      <c r="M313" s="148"/>
      <c r="N313" s="148"/>
      <c r="O313" s="139"/>
      <c r="P313" s="139"/>
      <c r="Q313" s="139"/>
      <c r="R313" s="139"/>
      <c r="S313" s="139"/>
      <c r="T313" s="139"/>
      <c r="U313" s="139"/>
    </row>
    <row r="314" spans="1:21" s="83" customFormat="1" ht="34.5" customHeight="1" x14ac:dyDescent="0.15">
      <c r="A314" s="249" t="s">
        <v>742</v>
      </c>
      <c r="B314" s="84"/>
      <c r="C314" s="375" t="s">
        <v>155</v>
      </c>
      <c r="D314" s="376"/>
      <c r="E314" s="376"/>
      <c r="F314" s="376"/>
      <c r="G314" s="324" t="s">
        <v>146</v>
      </c>
      <c r="H314" s="326"/>
      <c r="I314" s="405"/>
      <c r="J314" s="151"/>
      <c r="K314" s="152"/>
      <c r="L314" s="147"/>
      <c r="M314" s="147"/>
      <c r="N314" s="147"/>
      <c r="O314" s="139"/>
      <c r="P314" s="139"/>
      <c r="Q314" s="139"/>
      <c r="R314" s="139"/>
      <c r="S314" s="139"/>
      <c r="T314" s="139"/>
      <c r="U314" s="139"/>
    </row>
    <row r="315" spans="1:21" s="83" customFormat="1" ht="34.5" customHeight="1" x14ac:dyDescent="0.15">
      <c r="A315" s="249" t="s">
        <v>742</v>
      </c>
      <c r="B315" s="84"/>
      <c r="C315" s="376"/>
      <c r="D315" s="376"/>
      <c r="E315" s="376"/>
      <c r="F315" s="376"/>
      <c r="G315" s="324" t="s">
        <v>148</v>
      </c>
      <c r="H315" s="326"/>
      <c r="I315" s="405"/>
      <c r="J315" s="151"/>
      <c r="K315" s="153"/>
      <c r="L315" s="148"/>
      <c r="M315" s="148"/>
      <c r="N315" s="148"/>
      <c r="O315" s="139"/>
      <c r="P315" s="139"/>
      <c r="Q315" s="139"/>
      <c r="R315" s="139"/>
      <c r="S315" s="139"/>
      <c r="T315" s="139"/>
      <c r="U315" s="139"/>
    </row>
    <row r="316" spans="1:21" s="83" customFormat="1" ht="34.5" customHeight="1" x14ac:dyDescent="0.15">
      <c r="A316" s="249" t="s">
        <v>743</v>
      </c>
      <c r="B316" s="84"/>
      <c r="C316" s="375" t="s">
        <v>156</v>
      </c>
      <c r="D316" s="376"/>
      <c r="E316" s="376"/>
      <c r="F316" s="376"/>
      <c r="G316" s="324" t="s">
        <v>146</v>
      </c>
      <c r="H316" s="326"/>
      <c r="I316" s="405"/>
      <c r="J316" s="151"/>
      <c r="K316" s="152"/>
      <c r="L316" s="147"/>
      <c r="M316" s="147"/>
      <c r="N316" s="147"/>
      <c r="O316" s="139"/>
      <c r="P316" s="139"/>
      <c r="Q316" s="139"/>
      <c r="R316" s="139"/>
      <c r="S316" s="139"/>
      <c r="T316" s="139"/>
      <c r="U316" s="139"/>
    </row>
    <row r="317" spans="1:21" s="83" customFormat="1" ht="34.5" customHeight="1" x14ac:dyDescent="0.15">
      <c r="A317" s="249" t="s">
        <v>743</v>
      </c>
      <c r="B317" s="84"/>
      <c r="C317" s="376"/>
      <c r="D317" s="376"/>
      <c r="E317" s="376"/>
      <c r="F317" s="376"/>
      <c r="G317" s="324" t="s">
        <v>148</v>
      </c>
      <c r="H317" s="326"/>
      <c r="I317" s="405"/>
      <c r="J317" s="151"/>
      <c r="K317" s="153"/>
      <c r="L317" s="148"/>
      <c r="M317" s="148"/>
      <c r="N317" s="148"/>
      <c r="O317" s="139"/>
      <c r="P317" s="139"/>
      <c r="Q317" s="139"/>
      <c r="R317" s="139"/>
      <c r="S317" s="139"/>
      <c r="T317" s="139"/>
      <c r="U317" s="139"/>
    </row>
    <row r="318" spans="1:21" s="83" customFormat="1" ht="34.5" customHeight="1" x14ac:dyDescent="0.15">
      <c r="A318" s="249" t="s">
        <v>744</v>
      </c>
      <c r="B318" s="84"/>
      <c r="C318" s="375" t="s">
        <v>157</v>
      </c>
      <c r="D318" s="376"/>
      <c r="E318" s="376"/>
      <c r="F318" s="376"/>
      <c r="G318" s="324" t="s">
        <v>146</v>
      </c>
      <c r="H318" s="326"/>
      <c r="I318" s="405"/>
      <c r="J318" s="151"/>
      <c r="K318" s="152"/>
      <c r="L318" s="147"/>
      <c r="M318" s="147"/>
      <c r="N318" s="147"/>
      <c r="O318" s="139"/>
      <c r="P318" s="139"/>
      <c r="Q318" s="139"/>
      <c r="R318" s="139"/>
      <c r="S318" s="139"/>
      <c r="T318" s="139"/>
      <c r="U318" s="139"/>
    </row>
    <row r="319" spans="1:21" s="83" customFormat="1" ht="34.5" customHeight="1" x14ac:dyDescent="0.15">
      <c r="A319" s="249" t="s">
        <v>744</v>
      </c>
      <c r="B319" s="84"/>
      <c r="C319" s="376"/>
      <c r="D319" s="376"/>
      <c r="E319" s="376"/>
      <c r="F319" s="376"/>
      <c r="G319" s="324" t="s">
        <v>148</v>
      </c>
      <c r="H319" s="326"/>
      <c r="I319" s="405"/>
      <c r="J319" s="151"/>
      <c r="K319" s="153"/>
      <c r="L319" s="148"/>
      <c r="M319" s="148">
        <v>1</v>
      </c>
      <c r="N319" s="148"/>
      <c r="O319" s="139"/>
      <c r="P319" s="139"/>
      <c r="Q319" s="139"/>
      <c r="R319" s="139"/>
      <c r="S319" s="139"/>
      <c r="T319" s="139"/>
      <c r="U319" s="139"/>
    </row>
    <row r="320" spans="1:21" s="83" customFormat="1" ht="34.5" customHeight="1" x14ac:dyDescent="0.15">
      <c r="A320" s="249" t="s">
        <v>745</v>
      </c>
      <c r="B320" s="84"/>
      <c r="C320" s="375" t="s">
        <v>168</v>
      </c>
      <c r="D320" s="376"/>
      <c r="E320" s="376"/>
      <c r="F320" s="376"/>
      <c r="G320" s="324" t="s">
        <v>146</v>
      </c>
      <c r="H320" s="326"/>
      <c r="I320" s="405"/>
      <c r="J320" s="151"/>
      <c r="K320" s="152"/>
      <c r="L320" s="147"/>
      <c r="M320" s="147"/>
      <c r="N320" s="147"/>
      <c r="O320" s="139"/>
      <c r="P320" s="139"/>
      <c r="Q320" s="139"/>
      <c r="R320" s="139"/>
      <c r="S320" s="139"/>
      <c r="T320" s="139"/>
      <c r="U320" s="139"/>
    </row>
    <row r="321" spans="1:22" s="83" customFormat="1" ht="34.5" customHeight="1" x14ac:dyDescent="0.15">
      <c r="A321" s="249" t="s">
        <v>745</v>
      </c>
      <c r="B321" s="84"/>
      <c r="C321" s="376"/>
      <c r="D321" s="376"/>
      <c r="E321" s="376"/>
      <c r="F321" s="376"/>
      <c r="G321" s="324" t="s">
        <v>148</v>
      </c>
      <c r="H321" s="326"/>
      <c r="I321" s="405"/>
      <c r="J321" s="151"/>
      <c r="K321" s="153"/>
      <c r="L321" s="148"/>
      <c r="M321" s="148"/>
      <c r="N321" s="148"/>
      <c r="O321" s="139"/>
      <c r="P321" s="139"/>
      <c r="Q321" s="139"/>
      <c r="R321" s="139"/>
      <c r="S321" s="139"/>
      <c r="T321" s="139"/>
      <c r="U321" s="139"/>
    </row>
    <row r="322" spans="1:22" s="83" customFormat="1" ht="34.5" customHeight="1" x14ac:dyDescent="0.15">
      <c r="A322" s="249" t="s">
        <v>746</v>
      </c>
      <c r="B322" s="84"/>
      <c r="C322" s="375" t="s">
        <v>161</v>
      </c>
      <c r="D322" s="378"/>
      <c r="E322" s="378"/>
      <c r="F322" s="378"/>
      <c r="G322" s="324" t="s">
        <v>146</v>
      </c>
      <c r="H322" s="326"/>
      <c r="I322" s="405"/>
      <c r="J322" s="151"/>
      <c r="K322" s="154"/>
      <c r="L322" s="147"/>
      <c r="M322" s="147">
        <v>1</v>
      </c>
      <c r="N322" s="147"/>
      <c r="O322" s="139"/>
      <c r="P322" s="139"/>
      <c r="Q322" s="139"/>
      <c r="R322" s="139"/>
      <c r="S322" s="139"/>
      <c r="T322" s="139"/>
      <c r="U322" s="139"/>
    </row>
    <row r="323" spans="1:22" s="83" customFormat="1" ht="34.5" customHeight="1" x14ac:dyDescent="0.15">
      <c r="A323" s="249" t="s">
        <v>746</v>
      </c>
      <c r="B323" s="84"/>
      <c r="C323" s="378"/>
      <c r="D323" s="378"/>
      <c r="E323" s="378"/>
      <c r="F323" s="378"/>
      <c r="G323" s="324" t="s">
        <v>148</v>
      </c>
      <c r="H323" s="326"/>
      <c r="I323" s="406"/>
      <c r="J323" s="155"/>
      <c r="K323" s="156"/>
      <c r="L323" s="148"/>
      <c r="M323" s="148"/>
      <c r="N323" s="148"/>
      <c r="O323" s="139"/>
      <c r="P323" s="139"/>
      <c r="Q323" s="139"/>
      <c r="R323" s="139"/>
      <c r="S323" s="139"/>
      <c r="T323" s="139"/>
      <c r="U323" s="139"/>
    </row>
    <row r="324" spans="1:22" s="91" customFormat="1" x14ac:dyDescent="0.15">
      <c r="A324" s="243"/>
      <c r="B324" s="18"/>
      <c r="C324" s="18"/>
      <c r="D324" s="18"/>
      <c r="E324" s="18"/>
      <c r="F324" s="18"/>
      <c r="G324" s="18"/>
      <c r="H324" s="14"/>
      <c r="I324" s="14"/>
      <c r="J324" s="88"/>
      <c r="K324" s="89"/>
      <c r="L324" s="90"/>
      <c r="M324" s="90"/>
      <c r="N324" s="90"/>
      <c r="O324" s="90"/>
      <c r="P324" s="90"/>
      <c r="Q324" s="90"/>
      <c r="R324" s="90"/>
      <c r="S324" s="90"/>
      <c r="T324" s="90"/>
      <c r="U324" s="90"/>
      <c r="V324" s="90"/>
    </row>
    <row r="325" spans="1:22" s="83" customFormat="1" x14ac:dyDescent="0.15">
      <c r="A325" s="243"/>
      <c r="B325" s="84"/>
      <c r="C325" s="62"/>
      <c r="D325" s="62"/>
      <c r="E325" s="62"/>
      <c r="F325" s="62"/>
      <c r="G325" s="62"/>
      <c r="H325" s="92"/>
      <c r="I325" s="92"/>
      <c r="J325" s="88"/>
      <c r="K325" s="89"/>
      <c r="L325" s="90"/>
      <c r="M325" s="90"/>
      <c r="N325" s="90"/>
      <c r="O325" s="90"/>
      <c r="P325" s="90"/>
      <c r="Q325" s="90"/>
      <c r="R325" s="90"/>
      <c r="S325" s="90"/>
      <c r="T325" s="90"/>
      <c r="U325" s="90"/>
      <c r="V325" s="90"/>
    </row>
    <row r="326" spans="1:22" s="91" customFormat="1" x14ac:dyDescent="0.15">
      <c r="A326" s="243"/>
      <c r="B326" s="84"/>
      <c r="C326" s="3"/>
      <c r="D326" s="3"/>
      <c r="E326" s="3"/>
      <c r="F326" s="3"/>
      <c r="G326" s="3"/>
      <c r="H326" s="286"/>
      <c r="I326" s="286"/>
      <c r="J326" s="108"/>
      <c r="K326" s="31"/>
      <c r="L326" s="108"/>
      <c r="M326" s="108"/>
      <c r="N326" s="108"/>
      <c r="O326" s="108"/>
      <c r="P326" s="108"/>
      <c r="Q326" s="108"/>
      <c r="R326" s="108"/>
      <c r="S326" s="108"/>
      <c r="T326" s="108"/>
      <c r="U326" s="108"/>
      <c r="V326" s="108"/>
    </row>
    <row r="327" spans="1:22" s="91" customFormat="1" x14ac:dyDescent="0.15">
      <c r="A327" s="243"/>
      <c r="B327" s="18" t="s">
        <v>169</v>
      </c>
      <c r="C327" s="18"/>
      <c r="D327" s="18"/>
      <c r="E327" s="18"/>
      <c r="F327" s="18"/>
      <c r="G327" s="18"/>
      <c r="H327" s="14"/>
      <c r="I327" s="14"/>
      <c r="J327" s="108"/>
      <c r="K327" s="31"/>
      <c r="L327" s="108"/>
      <c r="M327" s="108"/>
      <c r="N327" s="108"/>
      <c r="O327" s="108"/>
      <c r="P327" s="108"/>
      <c r="Q327" s="108"/>
      <c r="R327" s="108"/>
      <c r="S327" s="108"/>
      <c r="T327" s="108"/>
      <c r="U327" s="108"/>
      <c r="V327" s="108"/>
    </row>
    <row r="328" spans="1:22" x14ac:dyDescent="0.15">
      <c r="A328" s="243"/>
      <c r="B328" s="18"/>
      <c r="C328" s="18"/>
      <c r="D328" s="18"/>
      <c r="E328" s="18"/>
      <c r="F328" s="18"/>
      <c r="G328" s="18"/>
      <c r="H328" s="14"/>
      <c r="I328" s="14"/>
      <c r="L328" s="240"/>
      <c r="M328" s="240"/>
      <c r="N328" s="240"/>
      <c r="O328" s="240"/>
      <c r="P328" s="240"/>
      <c r="Q328" s="240"/>
      <c r="R328" s="76"/>
      <c r="S328" s="76"/>
      <c r="T328" s="76"/>
      <c r="U328" s="76"/>
      <c r="V328" s="76"/>
    </row>
    <row r="329" spans="1:22" ht="34.5" customHeight="1" x14ac:dyDescent="0.15">
      <c r="A329" s="243"/>
      <c r="B329" s="18"/>
      <c r="C329" s="3"/>
      <c r="D329" s="3"/>
      <c r="F329" s="3"/>
      <c r="G329" s="3"/>
      <c r="H329" s="286"/>
      <c r="I329" s="286"/>
      <c r="J329" s="77" t="s">
        <v>35</v>
      </c>
      <c r="K329" s="78"/>
      <c r="L329" s="66" t="s">
        <v>1051</v>
      </c>
      <c r="M329" s="8"/>
      <c r="N329" s="8"/>
      <c r="O329" s="8"/>
      <c r="P329" s="8"/>
      <c r="Q329" s="8"/>
      <c r="R329" s="8"/>
      <c r="S329" s="8"/>
      <c r="T329" s="8"/>
      <c r="U329" s="8"/>
      <c r="V329" s="8"/>
    </row>
    <row r="330" spans="1:22" ht="20.25" customHeight="1" x14ac:dyDescent="0.15">
      <c r="A330" s="243"/>
      <c r="B330" s="1"/>
      <c r="C330" s="62"/>
      <c r="D330" s="3"/>
      <c r="F330" s="3"/>
      <c r="G330" s="3"/>
      <c r="H330" s="286"/>
      <c r="I330" s="67" t="s">
        <v>36</v>
      </c>
      <c r="J330" s="68"/>
      <c r="K330" s="79"/>
      <c r="L330" s="70" t="s">
        <v>1052</v>
      </c>
      <c r="M330" s="8"/>
      <c r="N330" s="8"/>
      <c r="O330" s="8"/>
      <c r="P330" s="8"/>
      <c r="Q330" s="8"/>
      <c r="R330" s="8"/>
      <c r="S330" s="8"/>
      <c r="T330" s="8"/>
      <c r="U330" s="8"/>
      <c r="V330" s="8"/>
    </row>
    <row r="331" spans="1:22" s="83" customFormat="1" ht="34.5" customHeight="1" x14ac:dyDescent="0.15">
      <c r="A331" s="249" t="s">
        <v>749</v>
      </c>
      <c r="B331" s="1"/>
      <c r="C331" s="324" t="s">
        <v>170</v>
      </c>
      <c r="D331" s="325"/>
      <c r="E331" s="325"/>
      <c r="F331" s="325"/>
      <c r="G331" s="325"/>
      <c r="H331" s="326"/>
      <c r="I331" s="349" t="s">
        <v>171</v>
      </c>
      <c r="J331" s="260" t="s">
        <v>538</v>
      </c>
      <c r="K331" s="81"/>
      <c r="L331" s="268"/>
    </row>
    <row r="332" spans="1:22" s="83" customFormat="1" ht="34.5" customHeight="1" x14ac:dyDescent="0.15">
      <c r="A332" s="249" t="s">
        <v>748</v>
      </c>
      <c r="B332" s="159"/>
      <c r="C332" s="394" t="s">
        <v>172</v>
      </c>
      <c r="D332" s="394"/>
      <c r="E332" s="394"/>
      <c r="F332" s="361"/>
      <c r="G332" s="375" t="s">
        <v>145</v>
      </c>
      <c r="H332" s="287" t="s">
        <v>173</v>
      </c>
      <c r="I332" s="358"/>
      <c r="J332" s="266"/>
      <c r="K332" s="81"/>
      <c r="L332" s="269"/>
    </row>
    <row r="333" spans="1:22" s="83" customFormat="1" ht="34.5" customHeight="1" x14ac:dyDescent="0.15">
      <c r="A333" s="249" t="s">
        <v>748</v>
      </c>
      <c r="B333" s="159"/>
      <c r="C333" s="375"/>
      <c r="D333" s="375"/>
      <c r="E333" s="375"/>
      <c r="F333" s="376"/>
      <c r="G333" s="375"/>
      <c r="H333" s="287" t="s">
        <v>174</v>
      </c>
      <c r="I333" s="358"/>
      <c r="J333" s="267"/>
      <c r="K333" s="81"/>
      <c r="L333" s="269"/>
    </row>
    <row r="334" spans="1:22" s="83" customFormat="1" ht="34.5" customHeight="1" x14ac:dyDescent="0.15">
      <c r="A334" s="249" t="s">
        <v>747</v>
      </c>
      <c r="B334" s="159"/>
      <c r="C334" s="375"/>
      <c r="D334" s="375"/>
      <c r="E334" s="375"/>
      <c r="F334" s="376"/>
      <c r="G334" s="375" t="s">
        <v>175</v>
      </c>
      <c r="H334" s="287" t="s">
        <v>173</v>
      </c>
      <c r="I334" s="358"/>
      <c r="J334" s="266"/>
      <c r="K334" s="81"/>
      <c r="L334" s="269"/>
    </row>
    <row r="335" spans="1:22" s="83" customFormat="1" ht="34.5" customHeight="1" x14ac:dyDescent="0.15">
      <c r="A335" s="249" t="s">
        <v>747</v>
      </c>
      <c r="B335" s="159"/>
      <c r="C335" s="375"/>
      <c r="D335" s="375"/>
      <c r="E335" s="375"/>
      <c r="F335" s="376"/>
      <c r="G335" s="376"/>
      <c r="H335" s="287" t="s">
        <v>174</v>
      </c>
      <c r="I335" s="358"/>
      <c r="J335" s="267"/>
      <c r="K335" s="81"/>
      <c r="L335" s="269"/>
    </row>
    <row r="336" spans="1:22" s="83" customFormat="1" ht="34.5" customHeight="1" x14ac:dyDescent="0.15">
      <c r="A336" s="249" t="s">
        <v>750</v>
      </c>
      <c r="B336" s="159"/>
      <c r="C336" s="375"/>
      <c r="D336" s="375"/>
      <c r="E336" s="375"/>
      <c r="F336" s="376"/>
      <c r="G336" s="375" t="s">
        <v>176</v>
      </c>
      <c r="H336" s="287" t="s">
        <v>173</v>
      </c>
      <c r="I336" s="358"/>
      <c r="J336" s="266"/>
      <c r="K336" s="81"/>
      <c r="L336" s="269"/>
    </row>
    <row r="337" spans="1:22" s="83" customFormat="1" ht="34.5" customHeight="1" x14ac:dyDescent="0.15">
      <c r="A337" s="249" t="s">
        <v>750</v>
      </c>
      <c r="B337" s="159"/>
      <c r="C337" s="375"/>
      <c r="D337" s="375"/>
      <c r="E337" s="375"/>
      <c r="F337" s="376"/>
      <c r="G337" s="376"/>
      <c r="H337" s="287" t="s">
        <v>174</v>
      </c>
      <c r="I337" s="358"/>
      <c r="J337" s="267"/>
      <c r="K337" s="81"/>
      <c r="L337" s="269"/>
    </row>
    <row r="338" spans="1:22" s="83" customFormat="1" ht="34.5" customHeight="1" x14ac:dyDescent="0.15">
      <c r="A338" s="249" t="s">
        <v>751</v>
      </c>
      <c r="B338" s="159"/>
      <c r="C338" s="375"/>
      <c r="D338" s="375"/>
      <c r="E338" s="375"/>
      <c r="F338" s="376"/>
      <c r="G338" s="377" t="s">
        <v>177</v>
      </c>
      <c r="H338" s="287" t="s">
        <v>173</v>
      </c>
      <c r="I338" s="358"/>
      <c r="J338" s="266"/>
      <c r="K338" s="81"/>
      <c r="L338" s="269"/>
    </row>
    <row r="339" spans="1:22" s="83" customFormat="1" ht="34.5" customHeight="1" x14ac:dyDescent="0.15">
      <c r="A339" s="249" t="s">
        <v>751</v>
      </c>
      <c r="B339" s="159"/>
      <c r="C339" s="375"/>
      <c r="D339" s="375"/>
      <c r="E339" s="375"/>
      <c r="F339" s="376"/>
      <c r="G339" s="376"/>
      <c r="H339" s="287" t="s">
        <v>174</v>
      </c>
      <c r="I339" s="358"/>
      <c r="J339" s="267"/>
      <c r="K339" s="81"/>
      <c r="L339" s="269"/>
    </row>
    <row r="340" spans="1:22" s="83" customFormat="1" ht="34.5" customHeight="1" x14ac:dyDescent="0.15">
      <c r="A340" s="249" t="s">
        <v>752</v>
      </c>
      <c r="B340" s="159"/>
      <c r="C340" s="375"/>
      <c r="D340" s="375"/>
      <c r="E340" s="375"/>
      <c r="F340" s="376"/>
      <c r="G340" s="375" t="s">
        <v>178</v>
      </c>
      <c r="H340" s="287" t="s">
        <v>173</v>
      </c>
      <c r="I340" s="358"/>
      <c r="J340" s="266"/>
      <c r="K340" s="81"/>
      <c r="L340" s="269"/>
    </row>
    <row r="341" spans="1:22" s="83" customFormat="1" ht="34.5" customHeight="1" x14ac:dyDescent="0.15">
      <c r="A341" s="249" t="s">
        <v>752</v>
      </c>
      <c r="B341" s="159"/>
      <c r="C341" s="375"/>
      <c r="D341" s="375"/>
      <c r="E341" s="375"/>
      <c r="F341" s="376"/>
      <c r="G341" s="376"/>
      <c r="H341" s="287" t="s">
        <v>174</v>
      </c>
      <c r="I341" s="358"/>
      <c r="J341" s="267"/>
      <c r="K341" s="81"/>
      <c r="L341" s="269"/>
    </row>
    <row r="342" spans="1:22" s="83" customFormat="1" ht="34.5" customHeight="1" x14ac:dyDescent="0.15">
      <c r="A342" s="249" t="s">
        <v>753</v>
      </c>
      <c r="B342" s="159"/>
      <c r="C342" s="375"/>
      <c r="D342" s="375"/>
      <c r="E342" s="375"/>
      <c r="F342" s="376"/>
      <c r="G342" s="375" t="s">
        <v>166</v>
      </c>
      <c r="H342" s="287" t="s">
        <v>173</v>
      </c>
      <c r="I342" s="358"/>
      <c r="J342" s="266"/>
      <c r="K342" s="81"/>
      <c r="L342" s="269"/>
    </row>
    <row r="343" spans="1:22" s="83" customFormat="1" ht="34.5" customHeight="1" x14ac:dyDescent="0.15">
      <c r="A343" s="249" t="s">
        <v>753</v>
      </c>
      <c r="B343" s="159"/>
      <c r="C343" s="375"/>
      <c r="D343" s="375"/>
      <c r="E343" s="375"/>
      <c r="F343" s="376"/>
      <c r="G343" s="376"/>
      <c r="H343" s="287" t="s">
        <v>174</v>
      </c>
      <c r="I343" s="350"/>
      <c r="J343" s="267"/>
      <c r="K343" s="81"/>
      <c r="L343" s="270"/>
    </row>
    <row r="344" spans="1:22" s="91" customFormat="1" x14ac:dyDescent="0.15">
      <c r="A344" s="243"/>
      <c r="B344" s="18"/>
      <c r="C344" s="18"/>
      <c r="D344" s="18"/>
      <c r="E344" s="18"/>
      <c r="F344" s="18"/>
      <c r="G344" s="18"/>
      <c r="H344" s="14"/>
      <c r="I344" s="14"/>
      <c r="J344" s="88"/>
      <c r="K344" s="89"/>
      <c r="L344" s="108"/>
    </row>
    <row r="345" spans="1:22" s="83" customFormat="1" x14ac:dyDescent="0.15">
      <c r="A345" s="243"/>
      <c r="B345" s="84"/>
      <c r="C345" s="62"/>
      <c r="D345" s="62"/>
      <c r="E345" s="62"/>
      <c r="F345" s="62"/>
      <c r="G345" s="62"/>
      <c r="H345" s="92"/>
      <c r="I345" s="92"/>
      <c r="J345" s="88"/>
      <c r="K345" s="89"/>
      <c r="L345" s="90"/>
    </row>
    <row r="346" spans="1:22" s="91" customFormat="1" x14ac:dyDescent="0.15">
      <c r="A346" s="243"/>
      <c r="B346" s="159"/>
      <c r="C346" s="165"/>
      <c r="D346" s="165"/>
      <c r="E346" s="3"/>
      <c r="F346" s="3"/>
      <c r="G346" s="3"/>
      <c r="H346" s="286"/>
      <c r="I346" s="286"/>
      <c r="J346" s="61"/>
      <c r="K346" s="31"/>
      <c r="L346" s="108"/>
    </row>
    <row r="347" spans="1:22" s="91" customFormat="1" x14ac:dyDescent="0.15">
      <c r="A347" s="243"/>
      <c r="B347" s="18" t="s">
        <v>179</v>
      </c>
      <c r="C347" s="18"/>
      <c r="D347" s="18"/>
      <c r="E347" s="18"/>
      <c r="F347" s="18"/>
      <c r="G347" s="18"/>
      <c r="H347" s="14"/>
      <c r="I347" s="14"/>
      <c r="J347" s="108"/>
      <c r="K347" s="31"/>
      <c r="L347" s="108"/>
    </row>
    <row r="348" spans="1:22" x14ac:dyDescent="0.15">
      <c r="A348" s="243"/>
      <c r="B348" s="18"/>
      <c r="C348" s="18"/>
      <c r="D348" s="18"/>
      <c r="E348" s="18"/>
      <c r="F348" s="18"/>
      <c r="G348" s="18"/>
      <c r="H348" s="14"/>
      <c r="I348" s="14"/>
      <c r="L348" s="240"/>
      <c r="M348" s="8"/>
      <c r="N348" s="8"/>
      <c r="O348" s="8"/>
      <c r="P348" s="8"/>
      <c r="Q348" s="8"/>
      <c r="R348" s="8"/>
      <c r="S348" s="8"/>
      <c r="T348" s="8"/>
      <c r="U348" s="8"/>
      <c r="V348" s="8"/>
    </row>
    <row r="349" spans="1:22" ht="34.5" customHeight="1" x14ac:dyDescent="0.15">
      <c r="A349" s="243"/>
      <c r="B349" s="18"/>
      <c r="C349" s="3"/>
      <c r="D349" s="3"/>
      <c r="F349" s="3"/>
      <c r="G349" s="3"/>
      <c r="H349" s="286"/>
      <c r="I349" s="286"/>
      <c r="J349" s="77" t="s">
        <v>35</v>
      </c>
      <c r="K349" s="78"/>
      <c r="L349" s="66" t="s">
        <v>1051</v>
      </c>
      <c r="M349" s="8"/>
      <c r="N349" s="8"/>
      <c r="O349" s="8"/>
      <c r="P349" s="8"/>
      <c r="Q349" s="8"/>
      <c r="R349" s="8"/>
      <c r="S349" s="8"/>
      <c r="T349" s="8"/>
      <c r="U349" s="8"/>
      <c r="V349" s="8"/>
    </row>
    <row r="350" spans="1:22" ht="20.25" customHeight="1" x14ac:dyDescent="0.15">
      <c r="A350" s="243"/>
      <c r="B350" s="1"/>
      <c r="C350" s="62"/>
      <c r="D350" s="3"/>
      <c r="F350" s="3"/>
      <c r="G350" s="3"/>
      <c r="H350" s="286"/>
      <c r="I350" s="67" t="s">
        <v>36</v>
      </c>
      <c r="J350" s="68"/>
      <c r="K350" s="79"/>
      <c r="L350" s="70" t="s">
        <v>1052</v>
      </c>
      <c r="M350" s="8"/>
      <c r="N350" s="8"/>
      <c r="O350" s="8"/>
      <c r="P350" s="8"/>
      <c r="Q350" s="8"/>
      <c r="R350" s="8"/>
      <c r="S350" s="8"/>
      <c r="T350" s="8"/>
      <c r="U350" s="8"/>
      <c r="V350" s="8"/>
    </row>
    <row r="351" spans="1:22" s="83" customFormat="1" ht="34.5" customHeight="1" x14ac:dyDescent="0.15">
      <c r="A351" s="249" t="s">
        <v>754</v>
      </c>
      <c r="B351" s="1"/>
      <c r="C351" s="343" t="s">
        <v>180</v>
      </c>
      <c r="D351" s="345"/>
      <c r="E351" s="402" t="s">
        <v>181</v>
      </c>
      <c r="F351" s="403"/>
      <c r="G351" s="324" t="s">
        <v>182</v>
      </c>
      <c r="H351" s="326"/>
      <c r="I351" s="349" t="s">
        <v>183</v>
      </c>
      <c r="J351" s="271"/>
      <c r="K351" s="81"/>
      <c r="L351" s="268"/>
    </row>
    <row r="352" spans="1:22" s="83" customFormat="1" ht="34.5" customHeight="1" x14ac:dyDescent="0.15">
      <c r="A352" s="249" t="s">
        <v>755</v>
      </c>
      <c r="B352" s="159"/>
      <c r="C352" s="400"/>
      <c r="D352" s="401"/>
      <c r="E352" s="403"/>
      <c r="F352" s="403"/>
      <c r="G352" s="324" t="s">
        <v>184</v>
      </c>
      <c r="H352" s="326"/>
      <c r="I352" s="358"/>
      <c r="J352" s="271"/>
      <c r="K352" s="81"/>
      <c r="L352" s="269"/>
    </row>
    <row r="353" spans="1:12" s="83" customFormat="1" ht="34.5" customHeight="1" x14ac:dyDescent="0.15">
      <c r="A353" s="249" t="s">
        <v>756</v>
      </c>
      <c r="B353" s="159"/>
      <c r="C353" s="400"/>
      <c r="D353" s="401"/>
      <c r="E353" s="403"/>
      <c r="F353" s="403"/>
      <c r="G353" s="324" t="s">
        <v>185</v>
      </c>
      <c r="H353" s="326"/>
      <c r="I353" s="358"/>
      <c r="J353" s="271"/>
      <c r="K353" s="81"/>
      <c r="L353" s="269"/>
    </row>
    <row r="354" spans="1:12" s="83" customFormat="1" ht="34.5" customHeight="1" x14ac:dyDescent="0.15">
      <c r="A354" s="249" t="s">
        <v>757</v>
      </c>
      <c r="B354" s="159"/>
      <c r="C354" s="381"/>
      <c r="D354" s="383"/>
      <c r="E354" s="324" t="s">
        <v>166</v>
      </c>
      <c r="F354" s="325"/>
      <c r="G354" s="325"/>
      <c r="H354" s="326"/>
      <c r="I354" s="350"/>
      <c r="J354" s="271"/>
      <c r="K354" s="81"/>
      <c r="L354" s="269"/>
    </row>
    <row r="355" spans="1:12" s="83" customFormat="1" ht="34.5" customHeight="1" x14ac:dyDescent="0.15">
      <c r="A355" s="249" t="s">
        <v>758</v>
      </c>
      <c r="B355" s="159"/>
      <c r="C355" s="343" t="s">
        <v>186</v>
      </c>
      <c r="D355" s="395"/>
      <c r="E355" s="324" t="s">
        <v>187</v>
      </c>
      <c r="F355" s="325"/>
      <c r="G355" s="325"/>
      <c r="H355" s="326"/>
      <c r="I355" s="349" t="s">
        <v>188</v>
      </c>
      <c r="J355" s="271"/>
      <c r="K355" s="81"/>
      <c r="L355" s="269"/>
    </row>
    <row r="356" spans="1:12" s="83" customFormat="1" ht="34.5" customHeight="1" x14ac:dyDescent="0.15">
      <c r="A356" s="249" t="s">
        <v>759</v>
      </c>
      <c r="B356" s="159"/>
      <c r="C356" s="396"/>
      <c r="D356" s="397"/>
      <c r="E356" s="324" t="s">
        <v>189</v>
      </c>
      <c r="F356" s="325"/>
      <c r="G356" s="325"/>
      <c r="H356" s="326"/>
      <c r="I356" s="358"/>
      <c r="J356" s="271"/>
      <c r="K356" s="81"/>
      <c r="L356" s="269"/>
    </row>
    <row r="357" spans="1:12" s="83" customFormat="1" ht="34.5" customHeight="1" x14ac:dyDescent="0.15">
      <c r="A357" s="249" t="s">
        <v>760</v>
      </c>
      <c r="B357" s="159"/>
      <c r="C357" s="398"/>
      <c r="D357" s="399"/>
      <c r="E357" s="324" t="s">
        <v>190</v>
      </c>
      <c r="F357" s="325"/>
      <c r="G357" s="325"/>
      <c r="H357" s="326"/>
      <c r="I357" s="350"/>
      <c r="J357" s="271"/>
      <c r="K357" s="81"/>
      <c r="L357" s="269"/>
    </row>
    <row r="358" spans="1:12" s="83" customFormat="1" ht="42" customHeight="1" x14ac:dyDescent="0.15">
      <c r="A358" s="249" t="s">
        <v>761</v>
      </c>
      <c r="B358" s="159"/>
      <c r="C358" s="343" t="s">
        <v>166</v>
      </c>
      <c r="D358" s="395"/>
      <c r="E358" s="324" t="s">
        <v>191</v>
      </c>
      <c r="F358" s="325"/>
      <c r="G358" s="325"/>
      <c r="H358" s="326"/>
      <c r="I358" s="122" t="s">
        <v>192</v>
      </c>
      <c r="J358" s="271"/>
      <c r="K358" s="81"/>
      <c r="L358" s="269"/>
    </row>
    <row r="359" spans="1:12" s="83" customFormat="1" ht="34.5" customHeight="1" x14ac:dyDescent="0.15">
      <c r="A359" s="249" t="s">
        <v>762</v>
      </c>
      <c r="B359" s="159"/>
      <c r="C359" s="396"/>
      <c r="D359" s="397"/>
      <c r="E359" s="324" t="s">
        <v>193</v>
      </c>
      <c r="F359" s="325"/>
      <c r="G359" s="325"/>
      <c r="H359" s="326"/>
      <c r="I359" s="335" t="s">
        <v>194</v>
      </c>
      <c r="J359" s="271"/>
      <c r="K359" s="81"/>
      <c r="L359" s="269"/>
    </row>
    <row r="360" spans="1:12" s="83" customFormat="1" ht="34.5" customHeight="1" x14ac:dyDescent="0.15">
      <c r="A360" s="249" t="s">
        <v>763</v>
      </c>
      <c r="B360" s="159"/>
      <c r="C360" s="396"/>
      <c r="D360" s="397"/>
      <c r="E360" s="324" t="s">
        <v>195</v>
      </c>
      <c r="F360" s="325"/>
      <c r="G360" s="325"/>
      <c r="H360" s="326"/>
      <c r="I360" s="353"/>
      <c r="J360" s="271"/>
      <c r="K360" s="81"/>
      <c r="L360" s="269"/>
    </row>
    <row r="361" spans="1:12" s="83" customFormat="1" ht="42.75" x14ac:dyDescent="0.15">
      <c r="A361" s="249" t="s">
        <v>764</v>
      </c>
      <c r="B361" s="159"/>
      <c r="C361" s="396"/>
      <c r="D361" s="397"/>
      <c r="E361" s="324" t="s">
        <v>196</v>
      </c>
      <c r="F361" s="325"/>
      <c r="G361" s="325"/>
      <c r="H361" s="326"/>
      <c r="I361" s="122" t="s">
        <v>197</v>
      </c>
      <c r="J361" s="271"/>
      <c r="K361" s="81"/>
      <c r="L361" s="269"/>
    </row>
    <row r="362" spans="1:12" s="83" customFormat="1" ht="42.75" x14ac:dyDescent="0.15">
      <c r="A362" s="249" t="s">
        <v>765</v>
      </c>
      <c r="B362" s="159"/>
      <c r="C362" s="396"/>
      <c r="D362" s="397"/>
      <c r="E362" s="324" t="s">
        <v>198</v>
      </c>
      <c r="F362" s="325"/>
      <c r="G362" s="325"/>
      <c r="H362" s="326"/>
      <c r="I362" s="122" t="s">
        <v>199</v>
      </c>
      <c r="J362" s="271"/>
      <c r="K362" s="81"/>
      <c r="L362" s="269"/>
    </row>
    <row r="363" spans="1:12" s="83" customFormat="1" ht="42" customHeight="1" x14ac:dyDescent="0.15">
      <c r="A363" s="249" t="s">
        <v>766</v>
      </c>
      <c r="B363" s="159"/>
      <c r="C363" s="396"/>
      <c r="D363" s="397"/>
      <c r="E363" s="324" t="s">
        <v>200</v>
      </c>
      <c r="F363" s="325"/>
      <c r="G363" s="325"/>
      <c r="H363" s="326"/>
      <c r="I363" s="122" t="s">
        <v>201</v>
      </c>
      <c r="J363" s="271"/>
      <c r="K363" s="81"/>
      <c r="L363" s="269"/>
    </row>
    <row r="364" spans="1:12" s="83" customFormat="1" ht="42" customHeight="1" x14ac:dyDescent="0.15">
      <c r="A364" s="249" t="s">
        <v>767</v>
      </c>
      <c r="B364" s="159"/>
      <c r="C364" s="396"/>
      <c r="D364" s="397"/>
      <c r="E364" s="324" t="s">
        <v>202</v>
      </c>
      <c r="F364" s="325"/>
      <c r="G364" s="325"/>
      <c r="H364" s="326"/>
      <c r="I364" s="122" t="s">
        <v>203</v>
      </c>
      <c r="J364" s="271"/>
      <c r="K364" s="81"/>
      <c r="L364" s="269"/>
    </row>
    <row r="365" spans="1:12" s="83" customFormat="1" ht="42" customHeight="1" x14ac:dyDescent="0.15">
      <c r="A365" s="249" t="s">
        <v>768</v>
      </c>
      <c r="B365" s="159"/>
      <c r="C365" s="396"/>
      <c r="D365" s="397"/>
      <c r="E365" s="324" t="s">
        <v>204</v>
      </c>
      <c r="F365" s="325"/>
      <c r="G365" s="325"/>
      <c r="H365" s="326"/>
      <c r="I365" s="122" t="s">
        <v>205</v>
      </c>
      <c r="J365" s="271"/>
      <c r="K365" s="81"/>
      <c r="L365" s="269"/>
    </row>
    <row r="366" spans="1:12" s="83" customFormat="1" ht="56.1" customHeight="1" x14ac:dyDescent="0.15">
      <c r="A366" s="249" t="s">
        <v>769</v>
      </c>
      <c r="B366" s="159"/>
      <c r="C366" s="396"/>
      <c r="D366" s="397"/>
      <c r="E366" s="324" t="s">
        <v>206</v>
      </c>
      <c r="F366" s="325"/>
      <c r="G366" s="325"/>
      <c r="H366" s="326"/>
      <c r="I366" s="122" t="s">
        <v>207</v>
      </c>
      <c r="J366" s="271"/>
      <c r="K366" s="81"/>
      <c r="L366" s="269"/>
    </row>
    <row r="367" spans="1:12" s="83" customFormat="1" ht="56.1" customHeight="1" x14ac:dyDescent="0.15">
      <c r="A367" s="249" t="s">
        <v>770</v>
      </c>
      <c r="B367" s="159"/>
      <c r="C367" s="398"/>
      <c r="D367" s="399"/>
      <c r="E367" s="324" t="s">
        <v>208</v>
      </c>
      <c r="F367" s="325"/>
      <c r="G367" s="325"/>
      <c r="H367" s="326"/>
      <c r="I367" s="122" t="s">
        <v>209</v>
      </c>
      <c r="J367" s="271"/>
      <c r="K367" s="81"/>
      <c r="L367" s="270"/>
    </row>
    <row r="368" spans="1:12" s="91" customFormat="1" x14ac:dyDescent="0.15">
      <c r="A368" s="243"/>
      <c r="B368" s="18"/>
      <c r="C368" s="18"/>
      <c r="D368" s="18"/>
      <c r="E368" s="18"/>
      <c r="F368" s="18"/>
      <c r="G368" s="18"/>
      <c r="H368" s="14"/>
      <c r="I368" s="14"/>
      <c r="J368" s="88"/>
      <c r="K368" s="89"/>
      <c r="L368" s="90"/>
    </row>
    <row r="369" spans="1:22" s="83" customFormat="1" x14ac:dyDescent="0.15">
      <c r="A369" s="243"/>
      <c r="B369" s="84"/>
      <c r="C369" s="62"/>
      <c r="D369" s="62"/>
      <c r="E369" s="62"/>
      <c r="F369" s="62"/>
      <c r="G369" s="62"/>
      <c r="H369" s="92"/>
      <c r="I369" s="92"/>
      <c r="J369" s="88"/>
      <c r="K369" s="89"/>
      <c r="L369" s="90"/>
    </row>
    <row r="370" spans="1:22" s="83" customFormat="1" x14ac:dyDescent="0.15">
      <c r="A370" s="243"/>
      <c r="B370" s="119"/>
      <c r="C370" s="119"/>
      <c r="D370" s="62"/>
      <c r="E370" s="62"/>
      <c r="F370" s="62"/>
      <c r="G370" s="62"/>
      <c r="H370" s="92"/>
      <c r="I370" s="167"/>
      <c r="J370" s="88"/>
      <c r="K370" s="89"/>
      <c r="L370" s="90"/>
    </row>
    <row r="371" spans="1:22" s="91" customFormat="1" x14ac:dyDescent="0.15">
      <c r="A371" s="243"/>
      <c r="B371" s="119"/>
      <c r="C371" s="3"/>
      <c r="D371" s="3"/>
      <c r="E371" s="3"/>
      <c r="F371" s="3"/>
      <c r="G371" s="3"/>
      <c r="H371" s="286"/>
      <c r="I371" s="286"/>
      <c r="J371" s="61"/>
      <c r="K371" s="31"/>
      <c r="L371" s="108"/>
    </row>
    <row r="372" spans="1:22" s="83" customFormat="1" x14ac:dyDescent="0.15">
      <c r="A372" s="243"/>
      <c r="B372" s="168" t="s">
        <v>210</v>
      </c>
      <c r="C372" s="169"/>
      <c r="D372" s="3"/>
      <c r="E372" s="3"/>
      <c r="F372" s="3"/>
      <c r="G372" s="3"/>
      <c r="H372" s="286"/>
      <c r="I372" s="286"/>
      <c r="J372" s="61"/>
      <c r="K372" s="63"/>
      <c r="L372" s="90"/>
    </row>
    <row r="373" spans="1:22" x14ac:dyDescent="0.15">
      <c r="A373" s="243"/>
      <c r="B373" s="18"/>
      <c r="C373" s="18"/>
      <c r="D373" s="18"/>
      <c r="E373" s="18"/>
      <c r="F373" s="18"/>
      <c r="G373" s="18"/>
      <c r="H373" s="14"/>
      <c r="I373" s="14"/>
      <c r="L373" s="240"/>
      <c r="M373" s="8"/>
      <c r="N373" s="8"/>
      <c r="O373" s="8"/>
      <c r="P373" s="8"/>
      <c r="Q373" s="8"/>
      <c r="R373" s="8"/>
      <c r="S373" s="8"/>
      <c r="T373" s="8"/>
      <c r="U373" s="8"/>
      <c r="V373" s="8"/>
    </row>
    <row r="374" spans="1:22" s="118" customFormat="1" ht="34.5" customHeight="1" x14ac:dyDescent="0.15">
      <c r="A374" s="243"/>
      <c r="B374" s="18"/>
      <c r="C374" s="3"/>
      <c r="D374" s="3"/>
      <c r="E374" s="3"/>
      <c r="F374" s="3"/>
      <c r="G374" s="3"/>
      <c r="H374" s="286"/>
      <c r="I374" s="286"/>
      <c r="J374" s="77" t="s">
        <v>35</v>
      </c>
      <c r="K374" s="78"/>
      <c r="L374" s="66" t="s">
        <v>1051</v>
      </c>
    </row>
    <row r="375" spans="1:22" s="118" customFormat="1" ht="20.25" customHeight="1" x14ac:dyDescent="0.15">
      <c r="A375" s="243"/>
      <c r="B375" s="1"/>
      <c r="C375" s="3"/>
      <c r="D375" s="3"/>
      <c r="E375" s="3"/>
      <c r="F375" s="3"/>
      <c r="G375" s="3"/>
      <c r="H375" s="286"/>
      <c r="I375" s="67" t="s">
        <v>36</v>
      </c>
      <c r="J375" s="170"/>
      <c r="K375" s="79"/>
      <c r="L375" s="137" t="s">
        <v>1052</v>
      </c>
    </row>
    <row r="376" spans="1:22" s="118" customFormat="1" ht="34.5" customHeight="1" x14ac:dyDescent="0.15">
      <c r="A376" s="243"/>
      <c r="B376" s="115"/>
      <c r="C376" s="332" t="s">
        <v>211</v>
      </c>
      <c r="D376" s="333"/>
      <c r="E376" s="333"/>
      <c r="F376" s="333"/>
      <c r="G376" s="333"/>
      <c r="H376" s="334"/>
      <c r="I376" s="393" t="s">
        <v>1029</v>
      </c>
      <c r="J376" s="171"/>
      <c r="K376" s="97"/>
      <c r="L376" s="306"/>
    </row>
    <row r="377" spans="1:22" s="118" customFormat="1" ht="34.5" customHeight="1" x14ac:dyDescent="0.15">
      <c r="A377" s="243"/>
      <c r="B377" s="173"/>
      <c r="C377" s="387"/>
      <c r="D377" s="388"/>
      <c r="E377" s="388"/>
      <c r="F377" s="388"/>
      <c r="G377" s="388"/>
      <c r="H377" s="389"/>
      <c r="I377" s="393"/>
      <c r="J377" s="174"/>
      <c r="K377" s="102"/>
      <c r="L377" s="175"/>
    </row>
    <row r="378" spans="1:22" s="118" customFormat="1" ht="34.5" customHeight="1" x14ac:dyDescent="0.15">
      <c r="A378" s="249" t="s">
        <v>771</v>
      </c>
      <c r="B378" s="173"/>
      <c r="C378" s="387"/>
      <c r="D378" s="388"/>
      <c r="E378" s="388"/>
      <c r="F378" s="388"/>
      <c r="G378" s="388"/>
      <c r="H378" s="389"/>
      <c r="I378" s="393"/>
      <c r="J378" s="174"/>
      <c r="K378" s="102"/>
      <c r="L378" s="176" t="str">
        <f>IF(ISBLANK(L376), "-", "～")</f>
        <v>-</v>
      </c>
    </row>
    <row r="379" spans="1:22" s="118" customFormat="1" ht="34.5" customHeight="1" x14ac:dyDescent="0.15">
      <c r="A379" s="243"/>
      <c r="B379" s="173"/>
      <c r="C379" s="387"/>
      <c r="D379" s="388"/>
      <c r="E379" s="388"/>
      <c r="F379" s="388"/>
      <c r="G379" s="388"/>
      <c r="H379" s="389"/>
      <c r="I379" s="393"/>
      <c r="J379" s="174"/>
      <c r="K379" s="102"/>
      <c r="L379" s="305"/>
    </row>
    <row r="380" spans="1:22" s="118" customFormat="1" ht="34.5" customHeight="1" x14ac:dyDescent="0.15">
      <c r="A380" s="243"/>
      <c r="B380" s="173"/>
      <c r="C380" s="390"/>
      <c r="D380" s="391"/>
      <c r="E380" s="391"/>
      <c r="F380" s="391"/>
      <c r="G380" s="391"/>
      <c r="H380" s="392"/>
      <c r="I380" s="393"/>
      <c r="J380" s="178"/>
      <c r="K380" s="106"/>
      <c r="L380" s="179"/>
    </row>
    <row r="381" spans="1:22" s="91" customFormat="1" x14ac:dyDescent="0.15">
      <c r="A381" s="243"/>
      <c r="B381" s="18"/>
      <c r="C381" s="18"/>
      <c r="D381" s="18"/>
      <c r="E381" s="18"/>
      <c r="F381" s="18"/>
      <c r="G381" s="18"/>
      <c r="H381" s="14"/>
      <c r="I381" s="14"/>
      <c r="J381" s="88"/>
      <c r="K381" s="89"/>
      <c r="L381" s="90"/>
    </row>
    <row r="382" spans="1:22" s="83" customFormat="1" x14ac:dyDescent="0.15">
      <c r="A382" s="243"/>
      <c r="B382" s="84"/>
      <c r="C382" s="62"/>
      <c r="D382" s="62"/>
      <c r="E382" s="62"/>
      <c r="F382" s="62"/>
      <c r="G382" s="62"/>
      <c r="H382" s="92"/>
      <c r="I382" s="92"/>
      <c r="J382" s="88"/>
      <c r="K382" s="89"/>
      <c r="L382" s="90"/>
    </row>
    <row r="383" spans="1:22" s="83" customFormat="1" x14ac:dyDescent="0.15">
      <c r="A383" s="243"/>
      <c r="B383" s="119"/>
      <c r="C383" s="119"/>
      <c r="D383" s="62"/>
      <c r="E383" s="62"/>
      <c r="F383" s="62"/>
      <c r="G383" s="62"/>
      <c r="H383" s="92"/>
      <c r="I383" s="167" t="s">
        <v>977</v>
      </c>
      <c r="J383" s="88"/>
      <c r="K383" s="89"/>
      <c r="L383" s="90"/>
    </row>
    <row r="384" spans="1:22" s="83" customFormat="1" x14ac:dyDescent="0.15">
      <c r="A384" s="243"/>
      <c r="B384" s="119"/>
      <c r="C384" s="119"/>
      <c r="D384" s="62"/>
      <c r="E384" s="62"/>
      <c r="F384" s="62"/>
      <c r="G384" s="62"/>
      <c r="H384" s="92"/>
      <c r="I384" s="92"/>
      <c r="J384" s="88"/>
      <c r="K384" s="89"/>
      <c r="L384" s="90"/>
    </row>
    <row r="385" spans="1:22" s="21" customFormat="1" x14ac:dyDescent="0.15">
      <c r="A385" s="243"/>
      <c r="B385" s="1"/>
      <c r="C385" s="51"/>
      <c r="D385" s="35"/>
      <c r="E385" s="35"/>
      <c r="F385" s="35"/>
      <c r="G385" s="35"/>
      <c r="H385" s="20"/>
      <c r="I385" s="297"/>
      <c r="J385" s="5"/>
      <c r="K385" s="6"/>
    </row>
    <row r="386" spans="1:22" s="21" customFormat="1" x14ac:dyDescent="0.15">
      <c r="A386" s="243"/>
      <c r="B386" s="1"/>
      <c r="C386" s="51"/>
      <c r="D386" s="35"/>
      <c r="E386" s="35"/>
      <c r="F386" s="35"/>
      <c r="G386" s="35"/>
      <c r="H386" s="20"/>
      <c r="I386" s="297"/>
      <c r="J386" s="5"/>
      <c r="K386" s="6"/>
    </row>
    <row r="387" spans="1:22" s="21" customFormat="1" x14ac:dyDescent="0.15">
      <c r="A387" s="243"/>
      <c r="B387" s="1"/>
      <c r="E387" s="51"/>
      <c r="F387" s="51"/>
      <c r="G387" s="51"/>
      <c r="H387" s="20"/>
      <c r="I387" s="297"/>
      <c r="J387" s="5"/>
      <c r="K387" s="6"/>
    </row>
    <row r="388" spans="1:22" s="21" customFormat="1" x14ac:dyDescent="0.15">
      <c r="A388" s="243"/>
      <c r="B388" s="1"/>
      <c r="E388" s="51"/>
      <c r="F388" s="51"/>
      <c r="G388" s="51"/>
      <c r="H388" s="20"/>
      <c r="I388" s="297"/>
      <c r="J388" s="5"/>
      <c r="K388" s="6"/>
    </row>
    <row r="389" spans="1:22" s="21" customFormat="1" x14ac:dyDescent="0.15">
      <c r="A389" s="243"/>
      <c r="B389" s="1"/>
      <c r="E389" s="51"/>
      <c r="F389" s="51"/>
      <c r="G389" s="51"/>
      <c r="H389" s="20"/>
      <c r="I389" s="297"/>
      <c r="J389" s="5"/>
      <c r="K389" s="6"/>
    </row>
    <row r="390" spans="1:22" s="21" customFormat="1" x14ac:dyDescent="0.15">
      <c r="A390" s="243"/>
      <c r="B390" s="1"/>
      <c r="E390" s="51"/>
      <c r="F390" s="51"/>
      <c r="G390" s="51"/>
      <c r="H390" s="20"/>
      <c r="I390" s="297"/>
      <c r="J390" s="5"/>
      <c r="K390" s="6"/>
    </row>
    <row r="391" spans="1:22" s="21" customFormat="1" x14ac:dyDescent="0.15">
      <c r="A391" s="243"/>
      <c r="B391" s="1"/>
      <c r="E391" s="35"/>
      <c r="F391" s="35"/>
      <c r="G391" s="35"/>
      <c r="H391" s="20"/>
      <c r="I391" s="4"/>
      <c r="J391" s="37"/>
      <c r="K391" s="54"/>
      <c r="L391" s="7"/>
    </row>
    <row r="392" spans="1:22" s="21" customFormat="1" x14ac:dyDescent="0.15">
      <c r="A392" s="243"/>
      <c r="B392" s="1"/>
      <c r="C392" s="40"/>
      <c r="D392" s="40"/>
      <c r="E392" s="40"/>
      <c r="F392" s="40"/>
      <c r="G392" s="40"/>
      <c r="H392" s="40"/>
      <c r="I392" s="40"/>
      <c r="J392" s="40"/>
      <c r="K392" s="50"/>
      <c r="L392" s="40"/>
    </row>
    <row r="393" spans="1:22" s="21" customFormat="1" x14ac:dyDescent="0.15">
      <c r="A393" s="243"/>
      <c r="B393" s="1"/>
      <c r="C393" s="62"/>
      <c r="D393" s="3"/>
      <c r="E393" s="3"/>
      <c r="F393" s="3"/>
      <c r="G393" s="3"/>
      <c r="H393" s="286"/>
      <c r="I393" s="286"/>
      <c r="J393" s="63"/>
      <c r="K393" s="31"/>
      <c r="L393" s="61"/>
    </row>
    <row r="394" spans="1:22" s="91" customFormat="1" ht="19.5" x14ac:dyDescent="0.15">
      <c r="A394" s="243"/>
      <c r="B394" s="180" t="s">
        <v>218</v>
      </c>
      <c r="C394" s="181"/>
      <c r="D394" s="181"/>
      <c r="E394" s="57"/>
      <c r="F394" s="57"/>
      <c r="G394" s="57"/>
      <c r="H394" s="58"/>
      <c r="I394" s="58"/>
      <c r="J394" s="60"/>
      <c r="K394" s="59"/>
      <c r="L394" s="182"/>
    </row>
    <row r="395" spans="1:22" s="91" customFormat="1" x14ac:dyDescent="0.15">
      <c r="A395" s="243"/>
      <c r="B395" s="44" t="s">
        <v>219</v>
      </c>
      <c r="C395" s="67"/>
      <c r="D395" s="67"/>
      <c r="E395" s="3"/>
      <c r="F395" s="3"/>
      <c r="G395" s="3"/>
      <c r="H395" s="286"/>
      <c r="I395" s="286"/>
      <c r="J395" s="61"/>
      <c r="K395" s="31"/>
      <c r="L395" s="108"/>
    </row>
    <row r="396" spans="1:22" x14ac:dyDescent="0.15">
      <c r="A396" s="243"/>
      <c r="B396" s="18"/>
      <c r="C396" s="18"/>
      <c r="D396" s="18"/>
      <c r="E396" s="18"/>
      <c r="F396" s="18"/>
      <c r="G396" s="18"/>
      <c r="H396" s="14"/>
      <c r="I396" s="14"/>
      <c r="L396" s="240"/>
      <c r="M396" s="8"/>
      <c r="N396" s="8"/>
      <c r="O396" s="8"/>
      <c r="P396" s="8"/>
      <c r="Q396" s="8"/>
      <c r="R396" s="8"/>
      <c r="S396" s="8"/>
      <c r="T396" s="8"/>
      <c r="U396" s="8"/>
      <c r="V396" s="8"/>
    </row>
    <row r="397" spans="1:22" ht="34.5" customHeight="1" x14ac:dyDescent="0.15">
      <c r="A397" s="275"/>
      <c r="B397" s="18"/>
      <c r="C397" s="3"/>
      <c r="D397" s="3"/>
      <c r="F397" s="3"/>
      <c r="G397" s="3"/>
      <c r="H397" s="286"/>
      <c r="I397" s="286"/>
      <c r="J397" s="77" t="s">
        <v>35</v>
      </c>
      <c r="K397" s="78"/>
      <c r="L397" s="66" t="s">
        <v>1051</v>
      </c>
      <c r="M397" s="8"/>
      <c r="N397" s="8"/>
      <c r="O397" s="8"/>
      <c r="P397" s="8"/>
      <c r="Q397" s="8"/>
      <c r="R397" s="8"/>
      <c r="S397" s="8"/>
      <c r="T397" s="8"/>
      <c r="U397" s="8"/>
      <c r="V397" s="8"/>
    </row>
    <row r="398" spans="1:22" ht="20.25" customHeight="1" x14ac:dyDescent="0.15">
      <c r="A398" s="247" t="s">
        <v>629</v>
      </c>
      <c r="B398" s="1"/>
      <c r="C398" s="3"/>
      <c r="D398" s="3"/>
      <c r="F398" s="3"/>
      <c r="G398" s="3"/>
      <c r="H398" s="286"/>
      <c r="I398" s="67" t="s">
        <v>36</v>
      </c>
      <c r="J398" s="68"/>
      <c r="K398" s="79"/>
      <c r="L398" s="70" t="s">
        <v>1052</v>
      </c>
      <c r="M398" s="8"/>
      <c r="N398" s="8"/>
      <c r="O398" s="8"/>
      <c r="P398" s="8"/>
      <c r="Q398" s="8"/>
      <c r="R398" s="8"/>
      <c r="S398" s="8"/>
      <c r="T398" s="8"/>
      <c r="U398" s="8"/>
      <c r="V398" s="8"/>
    </row>
    <row r="399" spans="1:22" s="83" customFormat="1" ht="34.5" customHeight="1" x14ac:dyDescent="0.15">
      <c r="A399" s="249" t="s">
        <v>772</v>
      </c>
      <c r="B399" s="84"/>
      <c r="C399" s="373" t="s">
        <v>221</v>
      </c>
      <c r="D399" s="343" t="s">
        <v>222</v>
      </c>
      <c r="E399" s="344"/>
      <c r="F399" s="344"/>
      <c r="G399" s="344"/>
      <c r="H399" s="345"/>
      <c r="I399" s="335" t="s">
        <v>1030</v>
      </c>
      <c r="J399" s="140">
        <f t="shared" ref="J399:J404" si="10">IF(SUM(L399:L399)=0,IF(COUNTIF(L399:L399,"未確認")&gt;0,"未確認",IF(COUNTIF(L399:L399,"~*")&gt;0,"*",SUM(L399:L399))),SUM(L399:L399))</f>
        <v>54</v>
      </c>
      <c r="K399" s="81" t="str">
        <f t="shared" ref="K399:K404" si="11">IF(OR(COUNTIF(L399:L399,"未確認")&gt;0,COUNTIF(L399:L399,"~*")&gt;0),"※","")</f>
        <v/>
      </c>
      <c r="L399" s="147">
        <v>54</v>
      </c>
    </row>
    <row r="400" spans="1:22" s="83" customFormat="1" ht="34.5" customHeight="1" x14ac:dyDescent="0.15">
      <c r="A400" s="249" t="s">
        <v>773</v>
      </c>
      <c r="B400" s="84"/>
      <c r="C400" s="374"/>
      <c r="D400" s="384"/>
      <c r="E400" s="324" t="s">
        <v>224</v>
      </c>
      <c r="F400" s="325"/>
      <c r="G400" s="325"/>
      <c r="H400" s="326"/>
      <c r="I400" s="352"/>
      <c r="J400" s="140">
        <f t="shared" si="10"/>
        <v>54</v>
      </c>
      <c r="K400" s="81" t="str">
        <f t="shared" si="11"/>
        <v/>
      </c>
      <c r="L400" s="147">
        <v>54</v>
      </c>
    </row>
    <row r="401" spans="1:22" s="83" customFormat="1" ht="34.5" customHeight="1" x14ac:dyDescent="0.15">
      <c r="A401" s="250" t="s">
        <v>774</v>
      </c>
      <c r="B401" s="84"/>
      <c r="C401" s="374"/>
      <c r="D401" s="385"/>
      <c r="E401" s="324" t="s">
        <v>225</v>
      </c>
      <c r="F401" s="325"/>
      <c r="G401" s="325"/>
      <c r="H401" s="326"/>
      <c r="I401" s="352"/>
      <c r="J401" s="140">
        <f t="shared" si="10"/>
        <v>0</v>
      </c>
      <c r="K401" s="81" t="str">
        <f t="shared" si="11"/>
        <v/>
      </c>
      <c r="L401" s="147"/>
    </row>
    <row r="402" spans="1:22" s="83" customFormat="1" ht="34.5" customHeight="1" x14ac:dyDescent="0.15">
      <c r="A402" s="250" t="s">
        <v>775</v>
      </c>
      <c r="B402" s="84"/>
      <c r="C402" s="374"/>
      <c r="D402" s="386"/>
      <c r="E402" s="324" t="s">
        <v>226</v>
      </c>
      <c r="F402" s="325"/>
      <c r="G402" s="325"/>
      <c r="H402" s="326"/>
      <c r="I402" s="352"/>
      <c r="J402" s="140">
        <f t="shared" si="10"/>
        <v>0</v>
      </c>
      <c r="K402" s="81" t="str">
        <f t="shared" si="11"/>
        <v/>
      </c>
      <c r="L402" s="147"/>
    </row>
    <row r="403" spans="1:22" s="83" customFormat="1" ht="34.5" customHeight="1" x14ac:dyDescent="0.15">
      <c r="A403" s="250" t="s">
        <v>776</v>
      </c>
      <c r="B403" s="1"/>
      <c r="C403" s="374"/>
      <c r="D403" s="324" t="s">
        <v>227</v>
      </c>
      <c r="E403" s="325"/>
      <c r="F403" s="325"/>
      <c r="G403" s="325"/>
      <c r="H403" s="326"/>
      <c r="I403" s="352"/>
      <c r="J403" s="140">
        <f t="shared" si="10"/>
        <v>16277</v>
      </c>
      <c r="K403" s="81" t="str">
        <f t="shared" si="11"/>
        <v/>
      </c>
      <c r="L403" s="147">
        <v>16277</v>
      </c>
    </row>
    <row r="404" spans="1:22" s="83" customFormat="1" ht="34.5" customHeight="1" x14ac:dyDescent="0.15">
      <c r="A404" s="250" t="s">
        <v>777</v>
      </c>
      <c r="B404" s="119"/>
      <c r="C404" s="374"/>
      <c r="D404" s="324" t="s">
        <v>228</v>
      </c>
      <c r="E404" s="325"/>
      <c r="F404" s="325"/>
      <c r="G404" s="325"/>
      <c r="H404" s="326"/>
      <c r="I404" s="353"/>
      <c r="J404" s="140">
        <f t="shared" si="10"/>
        <v>57</v>
      </c>
      <c r="K404" s="81" t="str">
        <f t="shared" si="11"/>
        <v/>
      </c>
      <c r="L404" s="147">
        <v>57</v>
      </c>
    </row>
    <row r="405" spans="1:22" s="91" customFormat="1" x14ac:dyDescent="0.15">
      <c r="A405" s="243"/>
      <c r="B405" s="18"/>
      <c r="C405" s="241"/>
      <c r="D405" s="18"/>
      <c r="E405" s="18"/>
      <c r="F405" s="18"/>
      <c r="G405" s="18"/>
      <c r="H405" s="14"/>
      <c r="I405" s="14"/>
      <c r="J405" s="88"/>
      <c r="K405" s="89"/>
      <c r="L405" s="90"/>
    </row>
    <row r="406" spans="1:22" s="83" customFormat="1" x14ac:dyDescent="0.15">
      <c r="A406" s="243"/>
      <c r="B406" s="84"/>
      <c r="C406" s="62"/>
      <c r="D406" s="62"/>
      <c r="E406" s="62"/>
      <c r="F406" s="62"/>
      <c r="G406" s="62"/>
      <c r="H406" s="92"/>
      <c r="I406" s="92"/>
      <c r="J406" s="88"/>
      <c r="K406" s="89"/>
      <c r="L406" s="90"/>
    </row>
    <row r="407" spans="1:22" s="91" customFormat="1" x14ac:dyDescent="0.15">
      <c r="A407" s="243"/>
      <c r="B407" s="119"/>
      <c r="C407" s="183"/>
      <c r="D407" s="3"/>
      <c r="E407" s="3"/>
      <c r="F407" s="3"/>
      <c r="H407" s="286"/>
      <c r="I407" s="286"/>
      <c r="J407" s="61"/>
      <c r="K407" s="31"/>
      <c r="L407" s="108"/>
    </row>
    <row r="408" spans="1:22" s="91" customFormat="1" x14ac:dyDescent="0.15">
      <c r="A408" s="243"/>
      <c r="B408" s="44" t="s">
        <v>604</v>
      </c>
      <c r="C408" s="107"/>
      <c r="D408" s="107"/>
      <c r="E408" s="107"/>
      <c r="F408" s="107"/>
      <c r="G408" s="107"/>
      <c r="H408" s="14"/>
      <c r="I408" s="14"/>
      <c r="J408" s="61"/>
      <c r="K408" s="31"/>
      <c r="L408" s="108"/>
    </row>
    <row r="409" spans="1:22" x14ac:dyDescent="0.15">
      <c r="A409" s="243"/>
      <c r="B409" s="18"/>
      <c r="C409" s="18"/>
      <c r="D409" s="18"/>
      <c r="E409" s="18"/>
      <c r="F409" s="18"/>
      <c r="G409" s="18"/>
      <c r="H409" s="14"/>
      <c r="I409" s="14"/>
      <c r="L409" s="240"/>
      <c r="M409" s="8"/>
      <c r="N409" s="8"/>
      <c r="O409" s="8"/>
      <c r="P409" s="8"/>
      <c r="Q409" s="8"/>
      <c r="R409" s="8"/>
      <c r="S409" s="8"/>
      <c r="T409" s="8"/>
      <c r="U409" s="8"/>
      <c r="V409" s="8"/>
    </row>
    <row r="410" spans="1:22" ht="34.5" customHeight="1" x14ac:dyDescent="0.15">
      <c r="A410" s="243"/>
      <c r="B410" s="18"/>
      <c r="C410" s="3"/>
      <c r="D410" s="3"/>
      <c r="F410" s="3"/>
      <c r="G410" s="3"/>
      <c r="H410" s="286"/>
      <c r="I410" s="286"/>
      <c r="J410" s="77" t="s">
        <v>35</v>
      </c>
      <c r="K410" s="78"/>
      <c r="L410" s="66" t="s">
        <v>1051</v>
      </c>
      <c r="M410" s="8"/>
      <c r="N410" s="8"/>
      <c r="O410" s="8"/>
      <c r="P410" s="8"/>
      <c r="Q410" s="8"/>
      <c r="R410" s="8"/>
      <c r="S410" s="8"/>
      <c r="T410" s="8"/>
      <c r="U410" s="8"/>
      <c r="V410" s="8"/>
    </row>
    <row r="411" spans="1:22" ht="20.25" customHeight="1" x14ac:dyDescent="0.15">
      <c r="A411" s="243"/>
      <c r="B411" s="1"/>
      <c r="C411" s="62"/>
      <c r="D411" s="3"/>
      <c r="F411" s="3"/>
      <c r="G411" s="3"/>
      <c r="H411" s="286"/>
      <c r="I411" s="67" t="s">
        <v>36</v>
      </c>
      <c r="J411" s="68"/>
      <c r="K411" s="79"/>
      <c r="L411" s="70" t="s">
        <v>1052</v>
      </c>
      <c r="M411" s="8"/>
      <c r="N411" s="8"/>
      <c r="O411" s="8"/>
      <c r="P411" s="8"/>
      <c r="Q411" s="8"/>
      <c r="R411" s="8"/>
      <c r="S411" s="8"/>
      <c r="T411" s="8"/>
      <c r="U411" s="8"/>
      <c r="V411" s="8"/>
    </row>
    <row r="412" spans="1:22" s="83" customFormat="1" ht="34.5" customHeight="1" x14ac:dyDescent="0.15">
      <c r="A412" s="251" t="s">
        <v>778</v>
      </c>
      <c r="B412" s="119"/>
      <c r="C412" s="373" t="s">
        <v>248</v>
      </c>
      <c r="D412" s="324" t="s">
        <v>249</v>
      </c>
      <c r="E412" s="325"/>
      <c r="F412" s="325"/>
      <c r="G412" s="325"/>
      <c r="H412" s="326"/>
      <c r="I412" s="335" t="s">
        <v>1031</v>
      </c>
      <c r="J412" s="140">
        <f t="shared" ref="J412:J429" si="12">IF(SUM(L412:L412)=0,IF(COUNTIF(L412:L412,"未確認")&gt;0,"未確認",IF(COUNTIF(L412:L412,"~*")&gt;0,"*",SUM(L412:L412))),SUM(L412:L412))</f>
        <v>54</v>
      </c>
      <c r="K412" s="81" t="str">
        <f t="shared" ref="K412:K429" si="13">IF(OR(COUNTIF(L412:L412,"未確認")&gt;0,COUNTIF(L412:L412,"~*")&gt;0),"※","")</f>
        <v/>
      </c>
      <c r="L412" s="147">
        <v>54</v>
      </c>
    </row>
    <row r="413" spans="1:22" s="83" customFormat="1" ht="34.5" customHeight="1" x14ac:dyDescent="0.15">
      <c r="A413" s="251" t="s">
        <v>779</v>
      </c>
      <c r="B413" s="119"/>
      <c r="C413" s="373"/>
      <c r="D413" s="379" t="s">
        <v>233</v>
      </c>
      <c r="E413" s="381" t="s">
        <v>234</v>
      </c>
      <c r="F413" s="382"/>
      <c r="G413" s="382"/>
      <c r="H413" s="383"/>
      <c r="I413" s="365"/>
      <c r="J413" s="140">
        <f t="shared" si="12"/>
        <v>0</v>
      </c>
      <c r="K413" s="81" t="str">
        <f t="shared" si="13"/>
        <v/>
      </c>
      <c r="L413" s="147"/>
    </row>
    <row r="414" spans="1:22" s="83" customFormat="1" ht="34.5" customHeight="1" x14ac:dyDescent="0.15">
      <c r="A414" s="251" t="s">
        <v>780</v>
      </c>
      <c r="B414" s="119"/>
      <c r="C414" s="373"/>
      <c r="D414" s="373"/>
      <c r="E414" s="324" t="s">
        <v>235</v>
      </c>
      <c r="F414" s="325"/>
      <c r="G414" s="325"/>
      <c r="H414" s="326"/>
      <c r="I414" s="365"/>
      <c r="J414" s="140">
        <f t="shared" si="12"/>
        <v>2</v>
      </c>
      <c r="K414" s="81" t="str">
        <f t="shared" si="13"/>
        <v/>
      </c>
      <c r="L414" s="147">
        <v>2</v>
      </c>
    </row>
    <row r="415" spans="1:22" s="83" customFormat="1" ht="34.5" customHeight="1" x14ac:dyDescent="0.15">
      <c r="A415" s="251" t="s">
        <v>781</v>
      </c>
      <c r="B415" s="119"/>
      <c r="C415" s="373"/>
      <c r="D415" s="373"/>
      <c r="E415" s="324" t="s">
        <v>236</v>
      </c>
      <c r="F415" s="325"/>
      <c r="G415" s="325"/>
      <c r="H415" s="326"/>
      <c r="I415" s="365"/>
      <c r="J415" s="140">
        <f t="shared" si="12"/>
        <v>52</v>
      </c>
      <c r="K415" s="81" t="str">
        <f t="shared" si="13"/>
        <v/>
      </c>
      <c r="L415" s="147">
        <v>52</v>
      </c>
    </row>
    <row r="416" spans="1:22" s="83" customFormat="1" ht="34.5" customHeight="1" x14ac:dyDescent="0.15">
      <c r="A416" s="251" t="s">
        <v>782</v>
      </c>
      <c r="B416" s="119"/>
      <c r="C416" s="373"/>
      <c r="D416" s="373"/>
      <c r="E416" s="327" t="s">
        <v>988</v>
      </c>
      <c r="F416" s="328"/>
      <c r="G416" s="328"/>
      <c r="H416" s="329"/>
      <c r="I416" s="365"/>
      <c r="J416" s="140">
        <f t="shared" si="12"/>
        <v>0</v>
      </c>
      <c r="K416" s="81" t="str">
        <f t="shared" si="13"/>
        <v/>
      </c>
      <c r="L416" s="147"/>
    </row>
    <row r="417" spans="1:12" s="83" customFormat="1" ht="34.5" customHeight="1" x14ac:dyDescent="0.15">
      <c r="A417" s="251" t="s">
        <v>783</v>
      </c>
      <c r="B417" s="119"/>
      <c r="C417" s="373"/>
      <c r="D417" s="373"/>
      <c r="E417" s="327" t="s">
        <v>989</v>
      </c>
      <c r="F417" s="328"/>
      <c r="G417" s="328"/>
      <c r="H417" s="329"/>
      <c r="I417" s="365"/>
      <c r="J417" s="140">
        <f t="shared" si="12"/>
        <v>0</v>
      </c>
      <c r="K417" s="81" t="str">
        <f t="shared" si="13"/>
        <v/>
      </c>
      <c r="L417" s="147"/>
    </row>
    <row r="418" spans="1:12" s="83" customFormat="1" ht="34.5" customHeight="1" x14ac:dyDescent="0.15">
      <c r="A418" s="251" t="s">
        <v>784</v>
      </c>
      <c r="B418" s="119"/>
      <c r="C418" s="373"/>
      <c r="D418" s="373"/>
      <c r="E418" s="324" t="s">
        <v>238</v>
      </c>
      <c r="F418" s="325"/>
      <c r="G418" s="325"/>
      <c r="H418" s="326"/>
      <c r="I418" s="365"/>
      <c r="J418" s="140">
        <f t="shared" si="12"/>
        <v>0</v>
      </c>
      <c r="K418" s="81" t="str">
        <f t="shared" si="13"/>
        <v/>
      </c>
      <c r="L418" s="147"/>
    </row>
    <row r="419" spans="1:12" s="83" customFormat="1" ht="34.5" customHeight="1" x14ac:dyDescent="0.15">
      <c r="A419" s="251" t="s">
        <v>785</v>
      </c>
      <c r="B419" s="119"/>
      <c r="C419" s="373"/>
      <c r="D419" s="380"/>
      <c r="E419" s="343" t="s">
        <v>166</v>
      </c>
      <c r="F419" s="344"/>
      <c r="G419" s="344"/>
      <c r="H419" s="345"/>
      <c r="I419" s="365"/>
      <c r="J419" s="140">
        <f t="shared" si="12"/>
        <v>0</v>
      </c>
      <c r="K419" s="81" t="str">
        <f t="shared" si="13"/>
        <v/>
      </c>
      <c r="L419" s="147"/>
    </row>
    <row r="420" spans="1:12" s="83" customFormat="1" ht="34.5" customHeight="1" x14ac:dyDescent="0.15">
      <c r="A420" s="251" t="s">
        <v>786</v>
      </c>
      <c r="B420" s="119"/>
      <c r="C420" s="373"/>
      <c r="D420" s="324" t="s">
        <v>251</v>
      </c>
      <c r="E420" s="325"/>
      <c r="F420" s="325"/>
      <c r="G420" s="325"/>
      <c r="H420" s="326"/>
      <c r="I420" s="365"/>
      <c r="J420" s="140">
        <f t="shared" si="12"/>
        <v>57</v>
      </c>
      <c r="K420" s="81" t="str">
        <f t="shared" si="13"/>
        <v/>
      </c>
      <c r="L420" s="147">
        <v>57</v>
      </c>
    </row>
    <row r="421" spans="1:12" s="83" customFormat="1" ht="34.5" customHeight="1" x14ac:dyDescent="0.15">
      <c r="A421" s="251" t="s">
        <v>787</v>
      </c>
      <c r="B421" s="119"/>
      <c r="C421" s="373"/>
      <c r="D421" s="379" t="s">
        <v>240</v>
      </c>
      <c r="E421" s="381" t="s">
        <v>241</v>
      </c>
      <c r="F421" s="382"/>
      <c r="G421" s="382"/>
      <c r="H421" s="383"/>
      <c r="I421" s="365"/>
      <c r="J421" s="140">
        <f t="shared" si="12"/>
        <v>0</v>
      </c>
      <c r="K421" s="81" t="str">
        <f t="shared" si="13"/>
        <v/>
      </c>
      <c r="L421" s="147"/>
    </row>
    <row r="422" spans="1:12" s="83" customFormat="1" ht="34.5" customHeight="1" x14ac:dyDescent="0.15">
      <c r="A422" s="251" t="s">
        <v>788</v>
      </c>
      <c r="B422" s="119"/>
      <c r="C422" s="373"/>
      <c r="D422" s="373"/>
      <c r="E422" s="324" t="s">
        <v>242</v>
      </c>
      <c r="F422" s="325"/>
      <c r="G422" s="325"/>
      <c r="H422" s="326"/>
      <c r="I422" s="365"/>
      <c r="J422" s="140">
        <f t="shared" si="12"/>
        <v>2</v>
      </c>
      <c r="K422" s="81" t="str">
        <f t="shared" si="13"/>
        <v/>
      </c>
      <c r="L422" s="147">
        <v>2</v>
      </c>
    </row>
    <row r="423" spans="1:12" s="83" customFormat="1" ht="34.5" customHeight="1" x14ac:dyDescent="0.15">
      <c r="A423" s="251" t="s">
        <v>789</v>
      </c>
      <c r="B423" s="119"/>
      <c r="C423" s="373"/>
      <c r="D423" s="373"/>
      <c r="E423" s="324" t="s">
        <v>243</v>
      </c>
      <c r="F423" s="325"/>
      <c r="G423" s="325"/>
      <c r="H423" s="326"/>
      <c r="I423" s="365"/>
      <c r="J423" s="140">
        <f t="shared" si="12"/>
        <v>0</v>
      </c>
      <c r="K423" s="81" t="str">
        <f t="shared" si="13"/>
        <v/>
      </c>
      <c r="L423" s="147"/>
    </row>
    <row r="424" spans="1:12" s="83" customFormat="1" ht="34.5" customHeight="1" x14ac:dyDescent="0.15">
      <c r="A424" s="251" t="s">
        <v>790</v>
      </c>
      <c r="B424" s="119"/>
      <c r="C424" s="373"/>
      <c r="D424" s="373"/>
      <c r="E424" s="324" t="s">
        <v>244</v>
      </c>
      <c r="F424" s="325"/>
      <c r="G424" s="325"/>
      <c r="H424" s="326"/>
      <c r="I424" s="365"/>
      <c r="J424" s="140">
        <f t="shared" si="12"/>
        <v>0</v>
      </c>
      <c r="K424" s="81" t="str">
        <f t="shared" si="13"/>
        <v/>
      </c>
      <c r="L424" s="147"/>
    </row>
    <row r="425" spans="1:12" s="83" customFormat="1" ht="34.5" customHeight="1" x14ac:dyDescent="0.15">
      <c r="A425" s="251" t="s">
        <v>791</v>
      </c>
      <c r="B425" s="119"/>
      <c r="C425" s="373"/>
      <c r="D425" s="373"/>
      <c r="E425" s="324" t="s">
        <v>245</v>
      </c>
      <c r="F425" s="325"/>
      <c r="G425" s="325"/>
      <c r="H425" s="326"/>
      <c r="I425" s="365"/>
      <c r="J425" s="140">
        <f t="shared" si="12"/>
        <v>6</v>
      </c>
      <c r="K425" s="81" t="str">
        <f t="shared" si="13"/>
        <v/>
      </c>
      <c r="L425" s="147">
        <v>6</v>
      </c>
    </row>
    <row r="426" spans="1:12" s="83" customFormat="1" ht="34.5" customHeight="1" x14ac:dyDescent="0.15">
      <c r="A426" s="251" t="s">
        <v>792</v>
      </c>
      <c r="B426" s="119"/>
      <c r="C426" s="373"/>
      <c r="D426" s="373"/>
      <c r="E426" s="327" t="s">
        <v>605</v>
      </c>
      <c r="F426" s="328"/>
      <c r="G426" s="328"/>
      <c r="H426" s="329"/>
      <c r="I426" s="365"/>
      <c r="J426" s="140">
        <f t="shared" si="12"/>
        <v>0</v>
      </c>
      <c r="K426" s="81" t="str">
        <f t="shared" si="13"/>
        <v/>
      </c>
      <c r="L426" s="147"/>
    </row>
    <row r="427" spans="1:12" s="83" customFormat="1" ht="34.5" customHeight="1" x14ac:dyDescent="0.15">
      <c r="A427" s="251" t="s">
        <v>793</v>
      </c>
      <c r="B427" s="119"/>
      <c r="C427" s="373"/>
      <c r="D427" s="373"/>
      <c r="E427" s="324" t="s">
        <v>246</v>
      </c>
      <c r="F427" s="325"/>
      <c r="G427" s="325"/>
      <c r="H427" s="326"/>
      <c r="I427" s="365"/>
      <c r="J427" s="140">
        <f t="shared" si="12"/>
        <v>0</v>
      </c>
      <c r="K427" s="81" t="str">
        <f t="shared" si="13"/>
        <v/>
      </c>
      <c r="L427" s="147"/>
    </row>
    <row r="428" spans="1:12" s="83" customFormat="1" ht="34.5" customHeight="1" x14ac:dyDescent="0.15">
      <c r="A428" s="251" t="s">
        <v>794</v>
      </c>
      <c r="B428" s="119"/>
      <c r="C428" s="373"/>
      <c r="D428" s="373"/>
      <c r="E428" s="324" t="s">
        <v>247</v>
      </c>
      <c r="F428" s="325"/>
      <c r="G428" s="325"/>
      <c r="H428" s="326"/>
      <c r="I428" s="365"/>
      <c r="J428" s="140">
        <f t="shared" si="12"/>
        <v>49</v>
      </c>
      <c r="K428" s="81" t="str">
        <f t="shared" si="13"/>
        <v/>
      </c>
      <c r="L428" s="147">
        <v>49</v>
      </c>
    </row>
    <row r="429" spans="1:12" s="83" customFormat="1" ht="34.5" customHeight="1" x14ac:dyDescent="0.15">
      <c r="A429" s="251" t="s">
        <v>795</v>
      </c>
      <c r="B429" s="119"/>
      <c r="C429" s="373"/>
      <c r="D429" s="373"/>
      <c r="E429" s="324" t="s">
        <v>166</v>
      </c>
      <c r="F429" s="325"/>
      <c r="G429" s="325"/>
      <c r="H429" s="326"/>
      <c r="I429" s="366"/>
      <c r="J429" s="140">
        <f t="shared" si="12"/>
        <v>0</v>
      </c>
      <c r="K429" s="81" t="str">
        <f t="shared" si="13"/>
        <v/>
      </c>
      <c r="L429" s="147"/>
    </row>
    <row r="430" spans="1:12" s="91" customFormat="1" x14ac:dyDescent="0.15">
      <c r="A430" s="243"/>
      <c r="B430" s="18"/>
      <c r="C430" s="18"/>
      <c r="D430" s="18"/>
      <c r="E430" s="18"/>
      <c r="F430" s="18"/>
      <c r="G430" s="18"/>
      <c r="H430" s="14"/>
      <c r="I430" s="14"/>
      <c r="J430" s="88"/>
      <c r="K430" s="89"/>
      <c r="L430" s="90"/>
    </row>
    <row r="431" spans="1:12" s="83" customFormat="1" x14ac:dyDescent="0.15">
      <c r="A431" s="243"/>
      <c r="B431" s="84"/>
      <c r="C431" s="62"/>
      <c r="D431" s="62"/>
      <c r="E431" s="62"/>
      <c r="F431" s="62"/>
      <c r="G431" s="62"/>
      <c r="H431" s="92"/>
      <c r="I431" s="92"/>
      <c r="J431" s="88"/>
      <c r="K431" s="89"/>
      <c r="L431" s="90"/>
    </row>
    <row r="432" spans="1:12" s="3" customFormat="1" x14ac:dyDescent="0.15">
      <c r="A432" s="243"/>
      <c r="B432" s="119"/>
      <c r="C432" s="184"/>
      <c r="D432" s="183"/>
      <c r="H432" s="286"/>
      <c r="I432" s="286"/>
      <c r="J432" s="61"/>
      <c r="K432" s="31"/>
      <c r="L432" s="108"/>
    </row>
    <row r="433" spans="1:22" s="3" customFormat="1" x14ac:dyDescent="0.15">
      <c r="A433" s="243"/>
      <c r="B433" s="18" t="s">
        <v>252</v>
      </c>
      <c r="C433" s="107"/>
      <c r="D433" s="107"/>
      <c r="E433" s="107"/>
      <c r="F433" s="107"/>
      <c r="G433" s="107"/>
      <c r="H433" s="14"/>
      <c r="I433" s="14"/>
      <c r="J433" s="61"/>
      <c r="K433" s="31"/>
      <c r="L433" s="108"/>
    </row>
    <row r="434" spans="1:22" x14ac:dyDescent="0.15">
      <c r="A434" s="243"/>
      <c r="B434" s="18"/>
      <c r="C434" s="18"/>
      <c r="D434" s="18"/>
      <c r="E434" s="18"/>
      <c r="F434" s="18"/>
      <c r="G434" s="18"/>
      <c r="H434" s="14"/>
      <c r="I434" s="14"/>
      <c r="L434" s="240"/>
      <c r="M434" s="8"/>
      <c r="N434" s="8"/>
      <c r="O434" s="8"/>
      <c r="P434" s="8"/>
      <c r="Q434" s="8"/>
      <c r="R434" s="8"/>
      <c r="S434" s="8"/>
      <c r="T434" s="8"/>
      <c r="U434" s="8"/>
      <c r="V434" s="8"/>
    </row>
    <row r="435" spans="1:22" ht="34.5" customHeight="1" x14ac:dyDescent="0.15">
      <c r="A435" s="275"/>
      <c r="B435" s="18"/>
      <c r="C435" s="3"/>
      <c r="D435" s="3"/>
      <c r="F435" s="3"/>
      <c r="G435" s="3"/>
      <c r="H435" s="286"/>
      <c r="I435" s="286"/>
      <c r="J435" s="77" t="s">
        <v>35</v>
      </c>
      <c r="K435" s="185"/>
      <c r="L435" s="66" t="s">
        <v>1051</v>
      </c>
      <c r="M435" s="8"/>
      <c r="N435" s="8"/>
      <c r="O435" s="8"/>
      <c r="P435" s="8"/>
      <c r="Q435" s="8"/>
      <c r="R435" s="8"/>
      <c r="S435" s="8"/>
      <c r="T435" s="8"/>
      <c r="U435" s="8"/>
      <c r="V435" s="8"/>
    </row>
    <row r="436" spans="1:22" ht="20.25" customHeight="1" x14ac:dyDescent="0.15">
      <c r="A436" s="247" t="s">
        <v>629</v>
      </c>
      <c r="B436" s="1"/>
      <c r="C436" s="62"/>
      <c r="D436" s="3"/>
      <c r="F436" s="3"/>
      <c r="G436" s="3"/>
      <c r="H436" s="286"/>
      <c r="I436" s="67" t="s">
        <v>36</v>
      </c>
      <c r="J436" s="68"/>
      <c r="K436" s="186"/>
      <c r="L436" s="70" t="s">
        <v>1052</v>
      </c>
      <c r="M436" s="8"/>
      <c r="N436" s="8"/>
      <c r="O436" s="8"/>
      <c r="P436" s="8"/>
      <c r="Q436" s="8"/>
      <c r="R436" s="8"/>
      <c r="S436" s="8"/>
      <c r="T436" s="8"/>
      <c r="U436" s="8"/>
      <c r="V436" s="8"/>
    </row>
    <row r="437" spans="1:22" s="83" customFormat="1" ht="34.5" customHeight="1" x14ac:dyDescent="0.15">
      <c r="A437" s="251" t="s">
        <v>796</v>
      </c>
      <c r="B437" s="119"/>
      <c r="C437" s="343" t="s">
        <v>259</v>
      </c>
      <c r="D437" s="344"/>
      <c r="E437" s="344"/>
      <c r="F437" s="344"/>
      <c r="G437" s="344"/>
      <c r="H437" s="345"/>
      <c r="I437" s="335" t="s">
        <v>1038</v>
      </c>
      <c r="J437" s="192">
        <f>IF(SUM(L437:L437)=0,IF(COUNTIF(L437:L437,"未確認")&gt;0,"未確認",IF(COUNTIF(L437:L437,"~*")&gt;0,"*",SUM(L437:L437))),SUM(L437:L437))</f>
        <v>57</v>
      </c>
      <c r="K437" s="193" t="str">
        <f>IF(OR(COUNTIF(L437:L437,"未確認")&gt;0,COUNTIF(L437:L437,"~*")&gt;0),"※","")</f>
        <v/>
      </c>
      <c r="L437" s="147">
        <v>57</v>
      </c>
    </row>
    <row r="438" spans="1:22" s="83" customFormat="1" ht="34.5" customHeight="1" x14ac:dyDescent="0.15">
      <c r="A438" s="250" t="s">
        <v>797</v>
      </c>
      <c r="B438" s="119"/>
      <c r="C438" s="188"/>
      <c r="D438" s="189"/>
      <c r="E438" s="370" t="s">
        <v>255</v>
      </c>
      <c r="F438" s="371"/>
      <c r="G438" s="371"/>
      <c r="H438" s="372"/>
      <c r="I438" s="365"/>
      <c r="J438" s="192">
        <f>IF(SUM(L438:L438)=0,IF(COUNTIF(L438:L438,"未確認")&gt;0,"未確認",IF(COUNTIF(L438:L438,"~*")&gt;0,"*",SUM(L438:L438))),SUM(L438:L438))</f>
        <v>2</v>
      </c>
      <c r="K438" s="193" t="str">
        <f>IF(OR(COUNTIF(L438:L438,"未確認")&gt;0,COUNTIF(L438:L438,"~*")&gt;0),"※","")</f>
        <v/>
      </c>
      <c r="L438" s="147">
        <v>2</v>
      </c>
    </row>
    <row r="439" spans="1:22" s="83" customFormat="1" ht="34.5" customHeight="1" x14ac:dyDescent="0.15">
      <c r="A439" s="250" t="s">
        <v>798</v>
      </c>
      <c r="B439" s="119"/>
      <c r="C439" s="188"/>
      <c r="D439" s="189"/>
      <c r="E439" s="370" t="s">
        <v>256</v>
      </c>
      <c r="F439" s="371"/>
      <c r="G439" s="371"/>
      <c r="H439" s="372"/>
      <c r="I439" s="365"/>
      <c r="J439" s="192">
        <f>IF(SUM(L439:L439)=0,IF(COUNTIF(L439:L439,"未確認")&gt;0,"未確認",IF(COUNTIF(L439:L439,"~*")&gt;0,"*",SUM(L439:L439))),SUM(L439:L439))</f>
        <v>6</v>
      </c>
      <c r="K439" s="193" t="str">
        <f>IF(OR(COUNTIF(L439:L439,"未確認")&gt;0,COUNTIF(L439:L439,"~*")&gt;0),"※","")</f>
        <v/>
      </c>
      <c r="L439" s="147">
        <v>6</v>
      </c>
    </row>
    <row r="440" spans="1:22" s="83" customFormat="1" ht="34.5" customHeight="1" x14ac:dyDescent="0.15">
      <c r="A440" s="250" t="s">
        <v>799</v>
      </c>
      <c r="B440" s="119"/>
      <c r="C440" s="188"/>
      <c r="D440" s="189"/>
      <c r="E440" s="370" t="s">
        <v>257</v>
      </c>
      <c r="F440" s="371"/>
      <c r="G440" s="371"/>
      <c r="H440" s="372"/>
      <c r="I440" s="365"/>
      <c r="J440" s="192">
        <f>IF(SUM(L440:L440)=0,IF(COUNTIF(L440:L440,"未確認")&gt;0,"未確認",IF(COUNTIF(L440:L440,"~*")&gt;0,"*",SUM(L440:L440))),SUM(L440:L440))</f>
        <v>49</v>
      </c>
      <c r="K440" s="193" t="str">
        <f>IF(OR(COUNTIF(L440:L440,"未確認")&gt;0,COUNTIF(L440:L440,"~*")&gt;0),"※","")</f>
        <v/>
      </c>
      <c r="L440" s="147">
        <v>49</v>
      </c>
    </row>
    <row r="441" spans="1:22" s="83" customFormat="1" ht="34.5" customHeight="1" x14ac:dyDescent="0.15">
      <c r="A441" s="251" t="s">
        <v>800</v>
      </c>
      <c r="B441" s="1"/>
      <c r="C441" s="190"/>
      <c r="D441" s="191"/>
      <c r="E441" s="370" t="s">
        <v>258</v>
      </c>
      <c r="F441" s="371"/>
      <c r="G441" s="371"/>
      <c r="H441" s="372"/>
      <c r="I441" s="366"/>
      <c r="J441" s="192">
        <f>IF(SUM(L441:L441)=0,IF(COUNTIF(L441:L441,"未確認")&gt;0,"未確認",IF(COUNTIF(L441:L441,"~*")&gt;0,"*",SUM(L441:L441))),SUM(L441:L441))</f>
        <v>0</v>
      </c>
      <c r="K441" s="193" t="str">
        <f>IF(OR(COUNTIF(L441:L441,"未確認")&gt;0,COUNTIF(L441:L441,"~*")&gt;0),"※","")</f>
        <v/>
      </c>
      <c r="L441" s="147"/>
    </row>
    <row r="442" spans="1:22" s="91" customFormat="1" x14ac:dyDescent="0.15">
      <c r="A442" s="243"/>
      <c r="B442" s="18"/>
      <c r="C442" s="241"/>
      <c r="D442" s="18"/>
      <c r="E442" s="18"/>
      <c r="F442" s="18"/>
      <c r="G442" s="18"/>
      <c r="H442" s="14"/>
      <c r="I442" s="14"/>
      <c r="J442" s="88"/>
      <c r="K442" s="89"/>
      <c r="L442" s="90"/>
    </row>
    <row r="443" spans="1:22" s="83" customFormat="1" x14ac:dyDescent="0.15">
      <c r="A443" s="243"/>
      <c r="B443" s="84"/>
      <c r="C443" s="62"/>
      <c r="D443" s="62"/>
      <c r="E443" s="62"/>
      <c r="F443" s="62"/>
      <c r="G443" s="62"/>
      <c r="H443" s="92"/>
      <c r="I443" s="92"/>
      <c r="J443" s="88"/>
      <c r="K443" s="89"/>
      <c r="L443" s="90"/>
    </row>
    <row r="444" spans="1:22" s="91" customFormat="1" x14ac:dyDescent="0.15">
      <c r="A444" s="243"/>
      <c r="B444" s="1"/>
      <c r="C444" s="194"/>
      <c r="D444" s="3"/>
      <c r="E444" s="3"/>
      <c r="F444" s="3"/>
      <c r="G444" s="3"/>
      <c r="H444" s="195"/>
      <c r="I444" s="195"/>
      <c r="J444" s="61"/>
      <c r="K444" s="31"/>
      <c r="L444" s="108"/>
    </row>
    <row r="445" spans="1:22" s="3" customFormat="1" x14ac:dyDescent="0.15">
      <c r="A445" s="243"/>
      <c r="B445" s="18" t="s">
        <v>261</v>
      </c>
      <c r="C445" s="107"/>
      <c r="D445" s="107"/>
      <c r="E445" s="107"/>
      <c r="F445" s="107"/>
      <c r="G445" s="107"/>
      <c r="H445" s="14"/>
      <c r="I445" s="14"/>
      <c r="J445" s="61"/>
      <c r="K445" s="31"/>
      <c r="L445" s="108"/>
    </row>
    <row r="446" spans="1:22" s="91" customFormat="1" x14ac:dyDescent="0.15">
      <c r="A446" s="243"/>
      <c r="B446" s="119" t="s">
        <v>262</v>
      </c>
      <c r="C446" s="3"/>
      <c r="D446" s="3"/>
      <c r="E446" s="3"/>
      <c r="F446" s="3"/>
      <c r="G446" s="3"/>
      <c r="H446" s="286"/>
      <c r="I446" s="286"/>
      <c r="J446" s="61"/>
      <c r="K446" s="31"/>
      <c r="L446" s="108"/>
    </row>
    <row r="447" spans="1:22" x14ac:dyDescent="0.15">
      <c r="A447" s="243"/>
      <c r="B447" s="18"/>
      <c r="C447" s="18"/>
      <c r="D447" s="18"/>
      <c r="E447" s="18"/>
      <c r="F447" s="18"/>
      <c r="G447" s="18"/>
      <c r="H447" s="14"/>
      <c r="I447" s="14"/>
      <c r="L447" s="240"/>
      <c r="M447" s="8"/>
      <c r="N447" s="8"/>
      <c r="O447" s="8"/>
      <c r="P447" s="8"/>
      <c r="Q447" s="8"/>
      <c r="R447" s="8"/>
      <c r="S447" s="8"/>
      <c r="T447" s="8"/>
      <c r="U447" s="8"/>
      <c r="V447" s="8"/>
    </row>
    <row r="448" spans="1:22" ht="34.5" customHeight="1" x14ac:dyDescent="0.15">
      <c r="A448" s="243"/>
      <c r="B448" s="18"/>
      <c r="C448" s="3"/>
      <c r="D448" s="3"/>
      <c r="F448" s="3"/>
      <c r="G448" s="3"/>
      <c r="H448" s="286"/>
      <c r="I448" s="286"/>
      <c r="J448" s="77" t="s">
        <v>35</v>
      </c>
      <c r="K448" s="185"/>
      <c r="L448" s="66" t="s">
        <v>1051</v>
      </c>
      <c r="M448" s="8"/>
      <c r="N448" s="8"/>
      <c r="O448" s="8"/>
      <c r="P448" s="8"/>
      <c r="Q448" s="8"/>
      <c r="R448" s="8"/>
      <c r="S448" s="8"/>
      <c r="T448" s="8"/>
      <c r="U448" s="8"/>
      <c r="V448" s="8"/>
    </row>
    <row r="449" spans="1:22" ht="20.25" customHeight="1" x14ac:dyDescent="0.15">
      <c r="A449" s="243"/>
      <c r="B449" s="1"/>
      <c r="C449" s="3"/>
      <c r="D449" s="3"/>
      <c r="F449" s="3"/>
      <c r="G449" s="3"/>
      <c r="H449" s="286"/>
      <c r="I449" s="67" t="s">
        <v>36</v>
      </c>
      <c r="J449" s="68"/>
      <c r="K449" s="186"/>
      <c r="L449" s="70" t="s">
        <v>1052</v>
      </c>
      <c r="M449" s="8"/>
      <c r="N449" s="8"/>
      <c r="O449" s="8"/>
      <c r="P449" s="8"/>
      <c r="Q449" s="8"/>
      <c r="R449" s="8"/>
      <c r="S449" s="8"/>
      <c r="T449" s="8"/>
      <c r="U449" s="8"/>
      <c r="V449" s="8"/>
    </row>
    <row r="450" spans="1:22" s="83" customFormat="1" ht="34.5" customHeight="1" x14ac:dyDescent="0.15">
      <c r="A450" s="251" t="s">
        <v>801</v>
      </c>
      <c r="B450" s="119"/>
      <c r="C450" s="367" t="s">
        <v>263</v>
      </c>
      <c r="D450" s="368"/>
      <c r="E450" s="368"/>
      <c r="F450" s="368"/>
      <c r="G450" s="368"/>
      <c r="H450" s="369"/>
      <c r="I450" s="335" t="s">
        <v>1039</v>
      </c>
      <c r="J450" s="192">
        <v>0</v>
      </c>
      <c r="K450" s="187" t="str">
        <f>IF(OR(COUNTIF(J450,"未確認")&gt;0,COUNTIF(J450,"~*")&gt;0),"※","")</f>
        <v/>
      </c>
      <c r="L450" s="268"/>
    </row>
    <row r="451" spans="1:22" s="83" customFormat="1" ht="34.5" customHeight="1" x14ac:dyDescent="0.15">
      <c r="A451" s="251" t="s">
        <v>802</v>
      </c>
      <c r="B451" s="119"/>
      <c r="C451" s="188"/>
      <c r="D451" s="196"/>
      <c r="E451" s="324" t="s">
        <v>265</v>
      </c>
      <c r="F451" s="325"/>
      <c r="G451" s="325"/>
      <c r="H451" s="326"/>
      <c r="I451" s="336"/>
      <c r="J451" s="192">
        <v>0</v>
      </c>
      <c r="K451" s="187" t="str">
        <f t="shared" ref="K451:K455" si="14">IF(OR(COUNTIF(J451,"未確認")&gt;0,COUNTIF(J451,"~*")&gt;0),"※","")</f>
        <v/>
      </c>
      <c r="L451" s="269"/>
    </row>
    <row r="452" spans="1:22" s="83" customFormat="1" ht="34.5" customHeight="1" x14ac:dyDescent="0.15">
      <c r="A452" s="251" t="s">
        <v>803</v>
      </c>
      <c r="B452" s="119"/>
      <c r="C452" s="190"/>
      <c r="D452" s="197"/>
      <c r="E452" s="324" t="s">
        <v>266</v>
      </c>
      <c r="F452" s="325"/>
      <c r="G452" s="325"/>
      <c r="H452" s="326"/>
      <c r="I452" s="336"/>
      <c r="J452" s="192">
        <v>0</v>
      </c>
      <c r="K452" s="187" t="str">
        <f t="shared" si="14"/>
        <v/>
      </c>
      <c r="L452" s="269"/>
    </row>
    <row r="453" spans="1:22" s="83" customFormat="1" ht="34.5" customHeight="1" x14ac:dyDescent="0.15">
      <c r="A453" s="251" t="s">
        <v>804</v>
      </c>
      <c r="B453" s="119"/>
      <c r="C453" s="362" t="s">
        <v>267</v>
      </c>
      <c r="D453" s="363"/>
      <c r="E453" s="363"/>
      <c r="F453" s="363"/>
      <c r="G453" s="363"/>
      <c r="H453" s="364"/>
      <c r="I453" s="336"/>
      <c r="J453" s="192">
        <v>0</v>
      </c>
      <c r="K453" s="187" t="str">
        <f t="shared" si="14"/>
        <v/>
      </c>
      <c r="L453" s="269"/>
    </row>
    <row r="454" spans="1:22" s="83" customFormat="1" ht="34.5" customHeight="1" x14ac:dyDescent="0.15">
      <c r="A454" s="251" t="s">
        <v>805</v>
      </c>
      <c r="B454" s="119"/>
      <c r="C454" s="188"/>
      <c r="D454" s="196"/>
      <c r="E454" s="324" t="s">
        <v>268</v>
      </c>
      <c r="F454" s="325"/>
      <c r="G454" s="325"/>
      <c r="H454" s="326"/>
      <c r="I454" s="336"/>
      <c r="J454" s="192">
        <v>0</v>
      </c>
      <c r="K454" s="187" t="str">
        <f t="shared" si="14"/>
        <v/>
      </c>
      <c r="L454" s="269"/>
    </row>
    <row r="455" spans="1:22" s="83" customFormat="1" ht="34.5" customHeight="1" x14ac:dyDescent="0.15">
      <c r="A455" s="251" t="s">
        <v>806</v>
      </c>
      <c r="B455" s="119"/>
      <c r="C455" s="190"/>
      <c r="D455" s="197"/>
      <c r="E455" s="324" t="s">
        <v>269</v>
      </c>
      <c r="F455" s="325"/>
      <c r="G455" s="325"/>
      <c r="H455" s="326"/>
      <c r="I455" s="337"/>
      <c r="J455" s="192">
        <v>0</v>
      </c>
      <c r="K455" s="187" t="str">
        <f t="shared" si="14"/>
        <v/>
      </c>
      <c r="L455" s="270"/>
    </row>
    <row r="456" spans="1:22" s="91" customFormat="1" x14ac:dyDescent="0.15">
      <c r="A456" s="243"/>
      <c r="B456" s="18"/>
      <c r="C456" s="18"/>
      <c r="D456" s="18"/>
      <c r="E456" s="18"/>
      <c r="F456" s="18"/>
      <c r="G456" s="18"/>
      <c r="H456" s="14"/>
      <c r="I456" s="14"/>
      <c r="J456" s="88"/>
      <c r="K456" s="89"/>
      <c r="L456" s="90"/>
    </row>
    <row r="457" spans="1:22" s="83" customFormat="1" x14ac:dyDescent="0.15">
      <c r="A457" s="243"/>
      <c r="B457" s="84"/>
      <c r="C457" s="62"/>
      <c r="D457" s="62"/>
      <c r="E457" s="62"/>
      <c r="F457" s="62"/>
      <c r="G457" s="62"/>
      <c r="H457" s="92"/>
      <c r="I457" s="92"/>
      <c r="J457" s="88"/>
      <c r="K457" s="89"/>
      <c r="L457" s="90"/>
    </row>
    <row r="458" spans="1:22" s="83" customFormat="1" x14ac:dyDescent="0.15">
      <c r="A458" s="243"/>
      <c r="B458" s="119"/>
      <c r="C458" s="119"/>
      <c r="D458" s="62"/>
      <c r="E458" s="62"/>
      <c r="F458" s="62"/>
      <c r="G458" s="62"/>
      <c r="H458" s="92"/>
      <c r="I458" s="167" t="s">
        <v>977</v>
      </c>
      <c r="J458" s="88"/>
      <c r="K458" s="89"/>
      <c r="L458" s="90"/>
    </row>
    <row r="459" spans="1:22" s="83" customFormat="1" x14ac:dyDescent="0.15">
      <c r="A459" s="243"/>
      <c r="B459" s="119"/>
      <c r="C459" s="119"/>
      <c r="D459" s="62"/>
      <c r="E459" s="62"/>
      <c r="F459" s="62"/>
      <c r="G459" s="62"/>
      <c r="H459" s="92"/>
      <c r="I459" s="92"/>
      <c r="J459" s="88"/>
      <c r="K459" s="89"/>
      <c r="L459" s="90"/>
    </row>
    <row r="460" spans="1:22" s="83" customFormat="1" x14ac:dyDescent="0.15">
      <c r="A460" s="243"/>
      <c r="B460" s="119"/>
      <c r="C460" s="119"/>
      <c r="D460" s="62"/>
      <c r="E460" s="62"/>
      <c r="F460" s="62"/>
      <c r="G460" s="62"/>
      <c r="H460" s="92"/>
      <c r="I460" s="92"/>
      <c r="J460" s="88"/>
      <c r="K460" s="89"/>
      <c r="L460" s="90"/>
    </row>
    <row r="461" spans="1:22" s="21" customFormat="1" x14ac:dyDescent="0.15">
      <c r="A461" s="243"/>
      <c r="B461" s="1"/>
      <c r="C461" s="51"/>
      <c r="D461" s="35"/>
      <c r="E461" s="35"/>
      <c r="F461" s="35"/>
      <c r="G461" s="35"/>
      <c r="H461" s="20"/>
      <c r="I461" s="297"/>
      <c r="J461" s="5"/>
      <c r="K461" s="6"/>
    </row>
    <row r="462" spans="1:22" s="21" customFormat="1" x14ac:dyDescent="0.15">
      <c r="A462" s="243"/>
      <c r="B462" s="1"/>
      <c r="C462" s="51"/>
      <c r="D462" s="35"/>
      <c r="E462" s="35"/>
      <c r="F462" s="35"/>
      <c r="G462" s="35"/>
      <c r="H462" s="20"/>
      <c r="I462" s="297"/>
      <c r="J462" s="5"/>
      <c r="K462" s="6"/>
    </row>
    <row r="463" spans="1:22" s="21" customFormat="1" x14ac:dyDescent="0.15">
      <c r="A463" s="243"/>
      <c r="B463" s="1"/>
      <c r="H463" s="51"/>
    </row>
    <row r="464" spans="1:22" s="21" customFormat="1" x14ac:dyDescent="0.15">
      <c r="A464" s="243"/>
      <c r="B464" s="1"/>
      <c r="H464" s="51"/>
    </row>
    <row r="465" spans="1:22" s="21" customFormat="1" x14ac:dyDescent="0.15">
      <c r="A465" s="243"/>
      <c r="B465" s="1"/>
      <c r="H465" s="51"/>
    </row>
    <row r="466" spans="1:22" s="21" customFormat="1" x14ac:dyDescent="0.15">
      <c r="A466" s="243"/>
      <c r="B466" s="1"/>
      <c r="H466" s="51"/>
    </row>
    <row r="467" spans="1:22" s="21" customFormat="1" x14ac:dyDescent="0.15">
      <c r="A467" s="243"/>
      <c r="B467" s="1"/>
      <c r="H467" s="51"/>
      <c r="L467" s="7"/>
    </row>
    <row r="468" spans="1:22" s="21" customFormat="1" x14ac:dyDescent="0.15">
      <c r="A468" s="243"/>
      <c r="B468" s="1"/>
      <c r="C468" s="40"/>
      <c r="D468" s="40"/>
      <c r="E468" s="40"/>
      <c r="F468" s="40"/>
      <c r="G468" s="198"/>
      <c r="H468" s="40"/>
      <c r="I468" s="40"/>
      <c r="J468" s="40"/>
      <c r="K468" s="50"/>
      <c r="L468" s="40"/>
    </row>
    <row r="469" spans="1:22" s="21" customFormat="1" x14ac:dyDescent="0.15">
      <c r="A469" s="243"/>
      <c r="B469" s="1"/>
      <c r="C469" s="62"/>
      <c r="D469" s="3"/>
      <c r="E469" s="3"/>
      <c r="F469" s="3"/>
      <c r="G469" s="3"/>
      <c r="H469" s="286"/>
      <c r="I469" s="286"/>
      <c r="J469" s="63"/>
      <c r="K469" s="31"/>
      <c r="L469" s="61"/>
    </row>
    <row r="470" spans="1:22" s="91" customFormat="1" ht="19.5" x14ac:dyDescent="0.15">
      <c r="A470" s="243"/>
      <c r="B470" s="180" t="s">
        <v>280</v>
      </c>
      <c r="C470" s="199"/>
      <c r="D470" s="57"/>
      <c r="E470" s="57"/>
      <c r="F470" s="57"/>
      <c r="G470" s="57"/>
      <c r="H470" s="58"/>
      <c r="I470" s="58"/>
      <c r="J470" s="60"/>
      <c r="K470" s="59"/>
      <c r="L470" s="182"/>
    </row>
    <row r="471" spans="1:22" s="91" customFormat="1" x14ac:dyDescent="0.15">
      <c r="A471" s="243"/>
      <c r="B471" s="18" t="s">
        <v>281</v>
      </c>
      <c r="C471" s="200"/>
      <c r="D471" s="3"/>
      <c r="E471" s="3"/>
      <c r="F471" s="3"/>
      <c r="G471" s="3"/>
      <c r="H471" s="286"/>
      <c r="I471" s="286"/>
      <c r="J471" s="61"/>
      <c r="K471" s="31"/>
      <c r="L471" s="108"/>
    </row>
    <row r="472" spans="1:22" x14ac:dyDescent="0.15">
      <c r="A472" s="243"/>
      <c r="B472" s="18"/>
      <c r="C472" s="18"/>
      <c r="D472" s="18"/>
      <c r="E472" s="18"/>
      <c r="F472" s="18"/>
      <c r="G472" s="18"/>
      <c r="H472" s="14"/>
      <c r="I472" s="14"/>
      <c r="L472" s="240"/>
      <c r="M472" s="8"/>
      <c r="N472" s="8"/>
      <c r="O472" s="8"/>
      <c r="P472" s="8"/>
      <c r="Q472" s="8"/>
      <c r="R472" s="8"/>
      <c r="S472" s="8"/>
      <c r="T472" s="8"/>
      <c r="U472" s="8"/>
      <c r="V472" s="8"/>
    </row>
    <row r="473" spans="1:22" ht="34.5" customHeight="1" x14ac:dyDescent="0.15">
      <c r="A473" s="243"/>
      <c r="B473" s="18"/>
      <c r="C473" s="3"/>
      <c r="D473" s="3"/>
      <c r="F473" s="3"/>
      <c r="G473" s="3"/>
      <c r="H473" s="286"/>
      <c r="I473" s="286"/>
      <c r="J473" s="77" t="s">
        <v>35</v>
      </c>
      <c r="K473" s="185"/>
      <c r="L473" s="66" t="s">
        <v>1051</v>
      </c>
      <c r="M473" s="8"/>
      <c r="N473" s="8"/>
      <c r="O473" s="8"/>
      <c r="P473" s="8"/>
      <c r="Q473" s="8"/>
      <c r="R473" s="8"/>
      <c r="S473" s="8"/>
      <c r="T473" s="8"/>
      <c r="U473" s="8"/>
      <c r="V473" s="8"/>
    </row>
    <row r="474" spans="1:22" ht="20.25" customHeight="1" x14ac:dyDescent="0.15">
      <c r="A474" s="243"/>
      <c r="B474" s="1"/>
      <c r="C474" s="62"/>
      <c r="D474" s="3"/>
      <c r="F474" s="3"/>
      <c r="G474" s="3"/>
      <c r="H474" s="286"/>
      <c r="I474" s="67" t="s">
        <v>36</v>
      </c>
      <c r="J474" s="68"/>
      <c r="K474" s="186"/>
      <c r="L474" s="70" t="s">
        <v>1052</v>
      </c>
      <c r="M474" s="8"/>
      <c r="N474" s="8"/>
      <c r="O474" s="8"/>
      <c r="P474" s="8"/>
      <c r="Q474" s="8"/>
      <c r="R474" s="8"/>
      <c r="S474" s="8"/>
      <c r="T474" s="8"/>
      <c r="U474" s="8"/>
      <c r="V474" s="8"/>
    </row>
    <row r="475" spans="1:22" ht="34.5" customHeight="1" x14ac:dyDescent="0.15">
      <c r="A475" s="252" t="s">
        <v>807</v>
      </c>
      <c r="B475" s="1"/>
      <c r="C475" s="343" t="s">
        <v>282</v>
      </c>
      <c r="D475" s="344"/>
      <c r="E475" s="344"/>
      <c r="F475" s="344"/>
      <c r="G475" s="344"/>
      <c r="H475" s="345"/>
      <c r="I475" s="349" t="s">
        <v>283</v>
      </c>
      <c r="J475" s="116">
        <f>IF(SUM(L475:L475)=0,IF(COUNTIF(L475:L475,"未確認")&gt;0,"未確認",IF(COUNTIF(L475:L475,"*")&gt;0,"*",SUM(L475:L475))),SUM(L475:L475))</f>
        <v>0</v>
      </c>
      <c r="K475" s="201" t="str">
        <f t="shared" ref="K475:K482" si="15">IF(OR(COUNTIF(L475:L475,"未確認")&gt;0,COUNTIF(L475:L475,"*")&gt;0),"※","")</f>
        <v/>
      </c>
      <c r="L475" s="117"/>
      <c r="M475" s="8"/>
      <c r="N475" s="8"/>
      <c r="O475" s="8"/>
      <c r="P475" s="8"/>
      <c r="Q475" s="8"/>
      <c r="R475" s="8"/>
      <c r="S475" s="8"/>
      <c r="T475" s="8"/>
      <c r="U475" s="8"/>
      <c r="V475" s="8"/>
    </row>
    <row r="476" spans="1:22" ht="34.5" customHeight="1" x14ac:dyDescent="0.15">
      <c r="A476" s="252" t="s">
        <v>812</v>
      </c>
      <c r="B476" s="1"/>
      <c r="C476" s="202"/>
      <c r="D476" s="359" t="s">
        <v>284</v>
      </c>
      <c r="E476" s="324" t="s">
        <v>285</v>
      </c>
      <c r="F476" s="325"/>
      <c r="G476" s="325"/>
      <c r="H476" s="326"/>
      <c r="I476" s="358"/>
      <c r="J476" s="116">
        <f t="shared" ref="J476:J487" si="16">IF(SUM(L476:L476)=0,IF(COUNTIF(L476:L476,"未確認")&gt;0,"未確認",IF(COUNTIF(L476:L476,"~*")&gt;0,"*",SUM(L476:L476))),SUM(L476:L476))</f>
        <v>0</v>
      </c>
      <c r="K476" s="201" t="str">
        <f t="shared" si="15"/>
        <v/>
      </c>
      <c r="L476" s="117"/>
      <c r="M476" s="8"/>
      <c r="N476" s="8"/>
      <c r="O476" s="8"/>
      <c r="P476" s="8"/>
      <c r="Q476" s="8"/>
      <c r="R476" s="8"/>
      <c r="S476" s="8"/>
      <c r="T476" s="8"/>
      <c r="U476" s="8"/>
      <c r="V476" s="8"/>
    </row>
    <row r="477" spans="1:22" ht="34.5" customHeight="1" x14ac:dyDescent="0.15">
      <c r="A477" s="252" t="s">
        <v>813</v>
      </c>
      <c r="B477" s="1"/>
      <c r="C477" s="202"/>
      <c r="D477" s="360"/>
      <c r="E477" s="324" t="s">
        <v>286</v>
      </c>
      <c r="F477" s="325"/>
      <c r="G477" s="325"/>
      <c r="H477" s="326"/>
      <c r="I477" s="358"/>
      <c r="J477" s="116">
        <f t="shared" si="16"/>
        <v>0</v>
      </c>
      <c r="K477" s="201" t="str">
        <f t="shared" si="15"/>
        <v/>
      </c>
      <c r="L477" s="117"/>
      <c r="M477" s="8"/>
      <c r="N477" s="8"/>
      <c r="O477" s="8"/>
      <c r="P477" s="8"/>
      <c r="Q477" s="8"/>
      <c r="R477" s="8"/>
      <c r="S477" s="8"/>
      <c r="T477" s="8"/>
      <c r="U477" s="8"/>
      <c r="V477" s="8"/>
    </row>
    <row r="478" spans="1:22" ht="34.5" customHeight="1" x14ac:dyDescent="0.15">
      <c r="A478" s="252" t="s">
        <v>814</v>
      </c>
      <c r="B478" s="1"/>
      <c r="C478" s="202"/>
      <c r="D478" s="360"/>
      <c r="E478" s="324" t="s">
        <v>287</v>
      </c>
      <c r="F478" s="325"/>
      <c r="G478" s="325"/>
      <c r="H478" s="326"/>
      <c r="I478" s="358"/>
      <c r="J478" s="116">
        <f t="shared" si="16"/>
        <v>0</v>
      </c>
      <c r="K478" s="201" t="str">
        <f t="shared" si="15"/>
        <v/>
      </c>
      <c r="L478" s="117"/>
      <c r="M478" s="8"/>
      <c r="N478" s="8"/>
      <c r="O478" s="8"/>
      <c r="P478" s="8"/>
      <c r="Q478" s="8"/>
      <c r="R478" s="8"/>
      <c r="S478" s="8"/>
      <c r="T478" s="8"/>
      <c r="U478" s="8"/>
      <c r="V478" s="8"/>
    </row>
    <row r="479" spans="1:22" ht="34.5" customHeight="1" x14ac:dyDescent="0.15">
      <c r="A479" s="252" t="s">
        <v>815</v>
      </c>
      <c r="B479" s="1"/>
      <c r="C479" s="202"/>
      <c r="D479" s="360"/>
      <c r="E479" s="324" t="s">
        <v>288</v>
      </c>
      <c r="F479" s="325"/>
      <c r="G479" s="325"/>
      <c r="H479" s="326"/>
      <c r="I479" s="358"/>
      <c r="J479" s="116">
        <f t="shared" si="16"/>
        <v>0</v>
      </c>
      <c r="K479" s="201" t="str">
        <f t="shared" si="15"/>
        <v/>
      </c>
      <c r="L479" s="117"/>
      <c r="M479" s="8"/>
      <c r="N479" s="8"/>
      <c r="O479" s="8"/>
      <c r="P479" s="8"/>
      <c r="Q479" s="8"/>
      <c r="R479" s="8"/>
      <c r="S479" s="8"/>
      <c r="T479" s="8"/>
      <c r="U479" s="8"/>
      <c r="V479" s="8"/>
    </row>
    <row r="480" spans="1:22" ht="34.5" customHeight="1" x14ac:dyDescent="0.15">
      <c r="A480" s="252" t="s">
        <v>816</v>
      </c>
      <c r="B480" s="1"/>
      <c r="C480" s="202"/>
      <c r="D480" s="360"/>
      <c r="E480" s="324" t="s">
        <v>289</v>
      </c>
      <c r="F480" s="325"/>
      <c r="G480" s="325"/>
      <c r="H480" s="326"/>
      <c r="I480" s="358"/>
      <c r="J480" s="116">
        <f t="shared" si="16"/>
        <v>0</v>
      </c>
      <c r="K480" s="201" t="str">
        <f t="shared" si="15"/>
        <v/>
      </c>
      <c r="L480" s="117"/>
      <c r="M480" s="8"/>
      <c r="N480" s="8"/>
      <c r="O480" s="8"/>
      <c r="P480" s="8"/>
      <c r="Q480" s="8"/>
      <c r="R480" s="8"/>
      <c r="S480" s="8"/>
      <c r="T480" s="8"/>
      <c r="U480" s="8"/>
      <c r="V480" s="8"/>
    </row>
    <row r="481" spans="1:22" ht="34.5" customHeight="1" x14ac:dyDescent="0.15">
      <c r="A481" s="252" t="s">
        <v>817</v>
      </c>
      <c r="B481" s="1"/>
      <c r="C481" s="202"/>
      <c r="D481" s="360"/>
      <c r="E481" s="324" t="s">
        <v>290</v>
      </c>
      <c r="F481" s="325"/>
      <c r="G481" s="325"/>
      <c r="H481" s="326"/>
      <c r="I481" s="358"/>
      <c r="J481" s="116">
        <f t="shared" si="16"/>
        <v>0</v>
      </c>
      <c r="K481" s="201" t="str">
        <f t="shared" si="15"/>
        <v/>
      </c>
      <c r="L481" s="117"/>
      <c r="M481" s="8"/>
      <c r="N481" s="8"/>
      <c r="O481" s="8"/>
      <c r="P481" s="8"/>
      <c r="Q481" s="8"/>
      <c r="R481" s="8"/>
      <c r="S481" s="8"/>
      <c r="T481" s="8"/>
      <c r="U481" s="8"/>
      <c r="V481" s="8"/>
    </row>
    <row r="482" spans="1:22" ht="34.5" customHeight="1" x14ac:dyDescent="0.15">
      <c r="A482" s="252" t="s">
        <v>818</v>
      </c>
      <c r="B482" s="1"/>
      <c r="C482" s="202"/>
      <c r="D482" s="360"/>
      <c r="E482" s="324" t="s">
        <v>291</v>
      </c>
      <c r="F482" s="325"/>
      <c r="G482" s="325"/>
      <c r="H482" s="326"/>
      <c r="I482" s="358"/>
      <c r="J482" s="116">
        <f t="shared" si="16"/>
        <v>0</v>
      </c>
      <c r="K482" s="201" t="str">
        <f t="shared" si="15"/>
        <v/>
      </c>
      <c r="L482" s="117"/>
      <c r="M482" s="8"/>
      <c r="N482" s="8"/>
      <c r="O482" s="8"/>
      <c r="P482" s="8"/>
      <c r="Q482" s="8"/>
      <c r="R482" s="8"/>
      <c r="S482" s="8"/>
      <c r="T482" s="8"/>
      <c r="U482" s="8"/>
      <c r="V482" s="8"/>
    </row>
    <row r="483" spans="1:22" ht="34.5" customHeight="1" x14ac:dyDescent="0.15">
      <c r="A483" s="252" t="s">
        <v>819</v>
      </c>
      <c r="B483" s="1"/>
      <c r="C483" s="202"/>
      <c r="D483" s="360"/>
      <c r="E483" s="324" t="s">
        <v>292</v>
      </c>
      <c r="F483" s="325"/>
      <c r="G483" s="325"/>
      <c r="H483" s="326"/>
      <c r="I483" s="358"/>
      <c r="J483" s="116">
        <f t="shared" si="16"/>
        <v>0</v>
      </c>
      <c r="K483" s="201" t="str">
        <f>IF(OR(COUNTIF(L483:L483,"未確認")&gt;0,COUNTIF(L483:L483,"~")&gt;0),"※","")</f>
        <v/>
      </c>
      <c r="L483" s="117"/>
      <c r="M483" s="8"/>
      <c r="N483" s="8"/>
      <c r="O483" s="8"/>
      <c r="P483" s="8"/>
      <c r="Q483" s="8"/>
      <c r="R483" s="8"/>
      <c r="S483" s="8"/>
      <c r="T483" s="8"/>
      <c r="U483" s="8"/>
      <c r="V483" s="8"/>
    </row>
    <row r="484" spans="1:22" ht="34.5" customHeight="1" x14ac:dyDescent="0.15">
      <c r="A484" s="252" t="s">
        <v>820</v>
      </c>
      <c r="B484" s="1"/>
      <c r="C484" s="202"/>
      <c r="D484" s="360"/>
      <c r="E484" s="324" t="s">
        <v>293</v>
      </c>
      <c r="F484" s="325"/>
      <c r="G484" s="325"/>
      <c r="H484" s="326"/>
      <c r="I484" s="358"/>
      <c r="J484" s="116">
        <f t="shared" si="16"/>
        <v>0</v>
      </c>
      <c r="K484" s="201" t="str">
        <f t="shared" ref="K484:K503" si="17">IF(OR(COUNTIF(L484:L484,"未確認")&gt;0,COUNTIF(L484:L484,"*")&gt;0),"※","")</f>
        <v/>
      </c>
      <c r="L484" s="117"/>
      <c r="M484" s="8"/>
      <c r="N484" s="8"/>
      <c r="O484" s="8"/>
      <c r="P484" s="8"/>
      <c r="Q484" s="8"/>
      <c r="R484" s="8"/>
      <c r="S484" s="8"/>
      <c r="T484" s="8"/>
      <c r="U484" s="8"/>
      <c r="V484" s="8"/>
    </row>
    <row r="485" spans="1:22" ht="34.5" customHeight="1" x14ac:dyDescent="0.15">
      <c r="A485" s="252" t="s">
        <v>821</v>
      </c>
      <c r="B485" s="1"/>
      <c r="C485" s="202"/>
      <c r="D485" s="360"/>
      <c r="E485" s="324" t="s">
        <v>294</v>
      </c>
      <c r="F485" s="325"/>
      <c r="G485" s="325"/>
      <c r="H485" s="326"/>
      <c r="I485" s="358"/>
      <c r="J485" s="116">
        <f t="shared" si="16"/>
        <v>0</v>
      </c>
      <c r="K485" s="201" t="str">
        <f t="shared" si="17"/>
        <v/>
      </c>
      <c r="L485" s="117"/>
      <c r="M485" s="8"/>
      <c r="N485" s="8"/>
      <c r="O485" s="8"/>
      <c r="P485" s="8"/>
      <c r="Q485" s="8"/>
      <c r="R485" s="8"/>
      <c r="S485" s="8"/>
      <c r="T485" s="8"/>
      <c r="U485" s="8"/>
      <c r="V485" s="8"/>
    </row>
    <row r="486" spans="1:22" ht="34.5" customHeight="1" x14ac:dyDescent="0.15">
      <c r="A486" s="252" t="s">
        <v>822</v>
      </c>
      <c r="B486" s="1"/>
      <c r="C486" s="202"/>
      <c r="D486" s="360"/>
      <c r="E486" s="324" t="s">
        <v>295</v>
      </c>
      <c r="F486" s="325"/>
      <c r="G486" s="325"/>
      <c r="H486" s="326"/>
      <c r="I486" s="358"/>
      <c r="J486" s="116">
        <f t="shared" si="16"/>
        <v>0</v>
      </c>
      <c r="K486" s="201" t="str">
        <f t="shared" si="17"/>
        <v/>
      </c>
      <c r="L486" s="117"/>
      <c r="M486" s="8"/>
      <c r="N486" s="8"/>
      <c r="O486" s="8"/>
      <c r="P486" s="8"/>
      <c r="Q486" s="8"/>
      <c r="R486" s="8"/>
      <c r="S486" s="8"/>
      <c r="T486" s="8"/>
      <c r="U486" s="8"/>
      <c r="V486" s="8"/>
    </row>
    <row r="487" spans="1:22" ht="34.5" customHeight="1" x14ac:dyDescent="0.15">
      <c r="A487" s="252" t="s">
        <v>823</v>
      </c>
      <c r="B487" s="1"/>
      <c r="C487" s="202"/>
      <c r="D487" s="361"/>
      <c r="E487" s="324" t="s">
        <v>296</v>
      </c>
      <c r="F487" s="325"/>
      <c r="G487" s="325"/>
      <c r="H487" s="326"/>
      <c r="I487" s="350"/>
      <c r="J487" s="116">
        <f t="shared" si="16"/>
        <v>0</v>
      </c>
      <c r="K487" s="201" t="str">
        <f t="shared" si="17"/>
        <v/>
      </c>
      <c r="L487" s="117"/>
      <c r="M487" s="8"/>
      <c r="N487" s="8"/>
      <c r="O487" s="8"/>
      <c r="P487" s="8"/>
      <c r="Q487" s="8"/>
      <c r="R487" s="8"/>
      <c r="S487" s="8"/>
      <c r="T487" s="8"/>
      <c r="U487" s="8"/>
      <c r="V487" s="8"/>
    </row>
    <row r="488" spans="1:22" ht="34.5" customHeight="1" x14ac:dyDescent="0.15">
      <c r="A488" s="252" t="s">
        <v>808</v>
      </c>
      <c r="B488" s="159"/>
      <c r="C488" s="343" t="s">
        <v>297</v>
      </c>
      <c r="D488" s="344"/>
      <c r="E488" s="344"/>
      <c r="F488" s="344"/>
      <c r="G488" s="344"/>
      <c r="H488" s="345"/>
      <c r="I488" s="349" t="s">
        <v>298</v>
      </c>
      <c r="J488" s="116">
        <f>IF(SUM(L488:L488)=0,IF(COUNTIF(L488:L488,"未確認")&gt;0,"未確認",IF(COUNTIF(L488:L488,"*")&gt;0,"*",SUM(L488:L488))),SUM(L488:L488))</f>
        <v>0</v>
      </c>
      <c r="K488" s="201" t="str">
        <f t="shared" si="17"/>
        <v/>
      </c>
      <c r="L488" s="117"/>
      <c r="M488" s="8"/>
      <c r="N488" s="8"/>
      <c r="O488" s="8"/>
      <c r="P488" s="8"/>
      <c r="Q488" s="8"/>
      <c r="R488" s="8"/>
      <c r="S488" s="8"/>
      <c r="T488" s="8"/>
      <c r="U488" s="8"/>
      <c r="V488" s="8"/>
    </row>
    <row r="489" spans="1:22" ht="34.5" customHeight="1" x14ac:dyDescent="0.15">
      <c r="A489" s="252" t="s">
        <v>824</v>
      </c>
      <c r="B489" s="1"/>
      <c r="C489" s="202"/>
      <c r="D489" s="359" t="s">
        <v>299</v>
      </c>
      <c r="E489" s="324" t="s">
        <v>285</v>
      </c>
      <c r="F489" s="325"/>
      <c r="G489" s="325"/>
      <c r="H489" s="326"/>
      <c r="I489" s="358"/>
      <c r="J489" s="116">
        <f t="shared" ref="J489:J503" si="18">IF(SUM(L489:L489)=0,IF(COUNTIF(L489:L489,"未確認")&gt;0,"未確認",IF(COUNTIF(L489:L489,"~*")&gt;0,"*",SUM(L489:L489))),SUM(L489:L489))</f>
        <v>0</v>
      </c>
      <c r="K489" s="201" t="str">
        <f t="shared" si="17"/>
        <v/>
      </c>
      <c r="L489" s="117"/>
      <c r="M489" s="8"/>
      <c r="N489" s="8"/>
      <c r="O489" s="8"/>
      <c r="P489" s="8"/>
      <c r="Q489" s="8"/>
      <c r="R489" s="8"/>
      <c r="S489" s="8"/>
      <c r="T489" s="8"/>
      <c r="U489" s="8"/>
      <c r="V489" s="8"/>
    </row>
    <row r="490" spans="1:22" ht="34.5" customHeight="1" x14ac:dyDescent="0.15">
      <c r="A490" s="252" t="s">
        <v>825</v>
      </c>
      <c r="B490" s="1"/>
      <c r="C490" s="202"/>
      <c r="D490" s="360"/>
      <c r="E490" s="324" t="s">
        <v>286</v>
      </c>
      <c r="F490" s="325"/>
      <c r="G490" s="325"/>
      <c r="H490" s="326"/>
      <c r="I490" s="358"/>
      <c r="J490" s="116">
        <f t="shared" si="18"/>
        <v>0</v>
      </c>
      <c r="K490" s="201" t="str">
        <f t="shared" si="17"/>
        <v/>
      </c>
      <c r="L490" s="117"/>
      <c r="M490" s="8"/>
      <c r="N490" s="8"/>
      <c r="O490" s="8"/>
      <c r="P490" s="8"/>
      <c r="Q490" s="8"/>
      <c r="R490" s="8"/>
      <c r="S490" s="8"/>
      <c r="T490" s="8"/>
      <c r="U490" s="8"/>
      <c r="V490" s="8"/>
    </row>
    <row r="491" spans="1:22" ht="34.5" customHeight="1" x14ac:dyDescent="0.15">
      <c r="A491" s="252" t="s">
        <v>826</v>
      </c>
      <c r="B491" s="1"/>
      <c r="C491" s="202"/>
      <c r="D491" s="360"/>
      <c r="E491" s="324" t="s">
        <v>287</v>
      </c>
      <c r="F491" s="325"/>
      <c r="G491" s="325"/>
      <c r="H491" s="326"/>
      <c r="I491" s="358"/>
      <c r="J491" s="116">
        <f t="shared" si="18"/>
        <v>0</v>
      </c>
      <c r="K491" s="201" t="str">
        <f t="shared" si="17"/>
        <v/>
      </c>
      <c r="L491" s="117"/>
      <c r="M491" s="8"/>
      <c r="N491" s="8"/>
      <c r="O491" s="8"/>
      <c r="P491" s="8"/>
      <c r="Q491" s="8"/>
      <c r="R491" s="8"/>
      <c r="S491" s="8"/>
      <c r="T491" s="8"/>
      <c r="U491" s="8"/>
      <c r="V491" s="8"/>
    </row>
    <row r="492" spans="1:22" ht="34.5" customHeight="1" x14ac:dyDescent="0.15">
      <c r="A492" s="252" t="s">
        <v>827</v>
      </c>
      <c r="B492" s="1"/>
      <c r="C492" s="202"/>
      <c r="D492" s="360"/>
      <c r="E492" s="324" t="s">
        <v>288</v>
      </c>
      <c r="F492" s="325"/>
      <c r="G492" s="325"/>
      <c r="H492" s="326"/>
      <c r="I492" s="358"/>
      <c r="J492" s="116">
        <f t="shared" si="18"/>
        <v>0</v>
      </c>
      <c r="K492" s="201" t="str">
        <f t="shared" si="17"/>
        <v/>
      </c>
      <c r="L492" s="117"/>
      <c r="M492" s="8"/>
      <c r="N492" s="8"/>
      <c r="O492" s="8"/>
      <c r="P492" s="8"/>
      <c r="Q492" s="8"/>
      <c r="R492" s="8"/>
      <c r="S492" s="8"/>
      <c r="T492" s="8"/>
      <c r="U492" s="8"/>
      <c r="V492" s="8"/>
    </row>
    <row r="493" spans="1:22" ht="34.5" customHeight="1" x14ac:dyDescent="0.15">
      <c r="A493" s="252" t="s">
        <v>828</v>
      </c>
      <c r="B493" s="1"/>
      <c r="C493" s="202"/>
      <c r="D493" s="360"/>
      <c r="E493" s="324" t="s">
        <v>289</v>
      </c>
      <c r="F493" s="325"/>
      <c r="G493" s="325"/>
      <c r="H493" s="326"/>
      <c r="I493" s="358"/>
      <c r="J493" s="116">
        <f t="shared" si="18"/>
        <v>0</v>
      </c>
      <c r="K493" s="201" t="str">
        <f t="shared" si="17"/>
        <v/>
      </c>
      <c r="L493" s="117"/>
      <c r="M493" s="8"/>
      <c r="N493" s="8"/>
      <c r="O493" s="8"/>
      <c r="P493" s="8"/>
      <c r="Q493" s="8"/>
      <c r="R493" s="8"/>
      <c r="S493" s="8"/>
      <c r="T493" s="8"/>
      <c r="U493" s="8"/>
      <c r="V493" s="8"/>
    </row>
    <row r="494" spans="1:22" ht="34.5" customHeight="1" x14ac:dyDescent="0.15">
      <c r="A494" s="252" t="s">
        <v>829</v>
      </c>
      <c r="B494" s="1"/>
      <c r="C494" s="202"/>
      <c r="D494" s="360"/>
      <c r="E494" s="324" t="s">
        <v>290</v>
      </c>
      <c r="F494" s="325"/>
      <c r="G494" s="325"/>
      <c r="H494" s="326"/>
      <c r="I494" s="358"/>
      <c r="J494" s="116">
        <f t="shared" si="18"/>
        <v>0</v>
      </c>
      <c r="K494" s="201" t="str">
        <f t="shared" si="17"/>
        <v/>
      </c>
      <c r="L494" s="117"/>
      <c r="M494" s="8"/>
      <c r="N494" s="8"/>
      <c r="O494" s="8"/>
      <c r="P494" s="8"/>
      <c r="Q494" s="8"/>
      <c r="R494" s="8"/>
      <c r="S494" s="8"/>
      <c r="T494" s="8"/>
      <c r="U494" s="8"/>
      <c r="V494" s="8"/>
    </row>
    <row r="495" spans="1:22" ht="34.5" customHeight="1" x14ac:dyDescent="0.15">
      <c r="A495" s="252" t="s">
        <v>830</v>
      </c>
      <c r="B495" s="1"/>
      <c r="C495" s="202"/>
      <c r="D495" s="360"/>
      <c r="E495" s="324" t="s">
        <v>291</v>
      </c>
      <c r="F495" s="325"/>
      <c r="G495" s="325"/>
      <c r="H495" s="326"/>
      <c r="I495" s="358"/>
      <c r="J495" s="116">
        <f t="shared" si="18"/>
        <v>0</v>
      </c>
      <c r="K495" s="201" t="str">
        <f t="shared" si="17"/>
        <v/>
      </c>
      <c r="L495" s="117"/>
      <c r="M495" s="8"/>
      <c r="N495" s="8"/>
      <c r="O495" s="8"/>
      <c r="P495" s="8"/>
      <c r="Q495" s="8"/>
      <c r="R495" s="8"/>
      <c r="S495" s="8"/>
      <c r="T495" s="8"/>
      <c r="U495" s="8"/>
      <c r="V495" s="8"/>
    </row>
    <row r="496" spans="1:22" ht="34.5" customHeight="1" x14ac:dyDescent="0.15">
      <c r="A496" s="252" t="s">
        <v>831</v>
      </c>
      <c r="B496" s="1"/>
      <c r="C496" s="202"/>
      <c r="D496" s="360"/>
      <c r="E496" s="324" t="s">
        <v>292</v>
      </c>
      <c r="F496" s="325"/>
      <c r="G496" s="325"/>
      <c r="H496" s="326"/>
      <c r="I496" s="358"/>
      <c r="J496" s="116">
        <f t="shared" si="18"/>
        <v>0</v>
      </c>
      <c r="K496" s="201" t="str">
        <f t="shared" si="17"/>
        <v/>
      </c>
      <c r="L496" s="117"/>
      <c r="M496" s="8"/>
      <c r="N496" s="8"/>
      <c r="O496" s="8"/>
      <c r="P496" s="8"/>
      <c r="Q496" s="8"/>
      <c r="R496" s="8"/>
      <c r="S496" s="8"/>
      <c r="T496" s="8"/>
      <c r="U496" s="8"/>
      <c r="V496" s="8"/>
    </row>
    <row r="497" spans="1:22" ht="34.5" customHeight="1" x14ac:dyDescent="0.15">
      <c r="A497" s="252" t="s">
        <v>832</v>
      </c>
      <c r="B497" s="1"/>
      <c r="C497" s="202"/>
      <c r="D497" s="360"/>
      <c r="E497" s="324" t="s">
        <v>293</v>
      </c>
      <c r="F497" s="325"/>
      <c r="G497" s="325"/>
      <c r="H497" s="326"/>
      <c r="I497" s="358"/>
      <c r="J497" s="116">
        <f t="shared" si="18"/>
        <v>0</v>
      </c>
      <c r="K497" s="201" t="str">
        <f t="shared" si="17"/>
        <v/>
      </c>
      <c r="L497" s="117"/>
      <c r="M497" s="8"/>
      <c r="N497" s="8"/>
      <c r="O497" s="8"/>
      <c r="P497" s="8"/>
      <c r="Q497" s="8"/>
      <c r="R497" s="8"/>
      <c r="S497" s="8"/>
      <c r="T497" s="8"/>
      <c r="U497" s="8"/>
      <c r="V497" s="8"/>
    </row>
    <row r="498" spans="1:22" ht="34.5" customHeight="1" x14ac:dyDescent="0.15">
      <c r="A498" s="252" t="s">
        <v>833</v>
      </c>
      <c r="B498" s="1"/>
      <c r="C498" s="202"/>
      <c r="D498" s="360"/>
      <c r="E498" s="324" t="s">
        <v>294</v>
      </c>
      <c r="F498" s="325"/>
      <c r="G498" s="325"/>
      <c r="H498" s="326"/>
      <c r="I498" s="358"/>
      <c r="J498" s="116">
        <f t="shared" si="18"/>
        <v>0</v>
      </c>
      <c r="K498" s="201" t="str">
        <f t="shared" si="17"/>
        <v/>
      </c>
      <c r="L498" s="117"/>
      <c r="M498" s="8"/>
      <c r="N498" s="8"/>
      <c r="O498" s="8"/>
      <c r="P498" s="8"/>
      <c r="Q498" s="8"/>
      <c r="R498" s="8"/>
      <c r="S498" s="8"/>
      <c r="T498" s="8"/>
      <c r="U498" s="8"/>
      <c r="V498" s="8"/>
    </row>
    <row r="499" spans="1:22" ht="34.5" customHeight="1" x14ac:dyDescent="0.15">
      <c r="A499" s="252" t="s">
        <v>834</v>
      </c>
      <c r="B499" s="1"/>
      <c r="C499" s="202"/>
      <c r="D499" s="360"/>
      <c r="E499" s="324" t="s">
        <v>295</v>
      </c>
      <c r="F499" s="325"/>
      <c r="G499" s="325"/>
      <c r="H499" s="326"/>
      <c r="I499" s="358"/>
      <c r="J499" s="116">
        <f t="shared" si="18"/>
        <v>0</v>
      </c>
      <c r="K499" s="201" t="str">
        <f t="shared" si="17"/>
        <v/>
      </c>
      <c r="L499" s="117"/>
      <c r="M499" s="8"/>
      <c r="N499" s="8"/>
      <c r="O499" s="8"/>
      <c r="P499" s="8"/>
      <c r="Q499" s="8"/>
      <c r="R499" s="8"/>
      <c r="S499" s="8"/>
      <c r="T499" s="8"/>
      <c r="U499" s="8"/>
      <c r="V499" s="8"/>
    </row>
    <row r="500" spans="1:22" ht="34.5" customHeight="1" x14ac:dyDescent="0.15">
      <c r="A500" s="252" t="s">
        <v>835</v>
      </c>
      <c r="B500" s="1"/>
      <c r="C500" s="202"/>
      <c r="D500" s="361"/>
      <c r="E500" s="324" t="s">
        <v>296</v>
      </c>
      <c r="F500" s="325"/>
      <c r="G500" s="325"/>
      <c r="H500" s="326"/>
      <c r="I500" s="350"/>
      <c r="J500" s="116">
        <f t="shared" si="18"/>
        <v>0</v>
      </c>
      <c r="K500" s="201" t="str">
        <f t="shared" si="17"/>
        <v/>
      </c>
      <c r="L500" s="117"/>
      <c r="M500" s="8"/>
      <c r="N500" s="8"/>
      <c r="O500" s="8"/>
      <c r="P500" s="8"/>
      <c r="Q500" s="8"/>
      <c r="R500" s="8"/>
      <c r="S500" s="8"/>
      <c r="T500" s="8"/>
      <c r="U500" s="8"/>
      <c r="V500" s="8"/>
    </row>
    <row r="501" spans="1:22" ht="56.1" customHeight="1" x14ac:dyDescent="0.15">
      <c r="A501" s="252" t="s">
        <v>809</v>
      </c>
      <c r="B501" s="159"/>
      <c r="C501" s="324" t="s">
        <v>300</v>
      </c>
      <c r="D501" s="325"/>
      <c r="E501" s="325"/>
      <c r="F501" s="325"/>
      <c r="G501" s="325"/>
      <c r="H501" s="326"/>
      <c r="I501" s="122" t="s">
        <v>301</v>
      </c>
      <c r="J501" s="116">
        <f t="shared" si="18"/>
        <v>0</v>
      </c>
      <c r="K501" s="201" t="str">
        <f t="shared" si="17"/>
        <v/>
      </c>
      <c r="L501" s="117"/>
      <c r="M501" s="8"/>
      <c r="N501" s="8"/>
      <c r="O501" s="8"/>
      <c r="P501" s="8"/>
      <c r="Q501" s="8"/>
      <c r="R501" s="8"/>
      <c r="S501" s="8"/>
      <c r="T501" s="8"/>
      <c r="U501" s="8"/>
      <c r="V501" s="8"/>
    </row>
    <row r="502" spans="1:22" ht="70.150000000000006" customHeight="1" x14ac:dyDescent="0.15">
      <c r="A502" s="252" t="s">
        <v>810</v>
      </c>
      <c r="B502" s="159"/>
      <c r="C502" s="324" t="s">
        <v>302</v>
      </c>
      <c r="D502" s="325"/>
      <c r="E502" s="325"/>
      <c r="F502" s="325"/>
      <c r="G502" s="325"/>
      <c r="H502" s="326"/>
      <c r="I502" s="122" t="s">
        <v>303</v>
      </c>
      <c r="J502" s="116">
        <f t="shared" si="18"/>
        <v>0</v>
      </c>
      <c r="K502" s="201" t="str">
        <f t="shared" si="17"/>
        <v/>
      </c>
      <c r="L502" s="117"/>
      <c r="M502" s="8"/>
      <c r="N502" s="8"/>
      <c r="O502" s="8"/>
      <c r="P502" s="8"/>
      <c r="Q502" s="8"/>
      <c r="R502" s="8"/>
      <c r="S502" s="8"/>
      <c r="T502" s="8"/>
      <c r="U502" s="8"/>
      <c r="V502" s="8"/>
    </row>
    <row r="503" spans="1:22" ht="70.150000000000006" customHeight="1" x14ac:dyDescent="0.15">
      <c r="A503" s="252" t="s">
        <v>811</v>
      </c>
      <c r="B503" s="159"/>
      <c r="C503" s="324" t="s">
        <v>304</v>
      </c>
      <c r="D503" s="325"/>
      <c r="E503" s="325"/>
      <c r="F503" s="325"/>
      <c r="G503" s="325"/>
      <c r="H503" s="326"/>
      <c r="I503" s="122" t="s">
        <v>305</v>
      </c>
      <c r="J503" s="116">
        <f t="shared" si="18"/>
        <v>0</v>
      </c>
      <c r="K503" s="201" t="str">
        <f t="shared" si="17"/>
        <v/>
      </c>
      <c r="L503" s="117"/>
      <c r="M503" s="8"/>
      <c r="N503" s="8"/>
      <c r="O503" s="8"/>
      <c r="P503" s="8"/>
      <c r="Q503" s="8"/>
      <c r="R503" s="8"/>
      <c r="S503" s="8"/>
      <c r="T503" s="8"/>
      <c r="U503" s="8"/>
      <c r="V503" s="8"/>
    </row>
    <row r="504" spans="1:22" s="91" customFormat="1" ht="17.25" customHeight="1" x14ac:dyDescent="0.15">
      <c r="A504" s="243"/>
      <c r="B504" s="18"/>
      <c r="C504" s="18"/>
      <c r="D504" s="18"/>
      <c r="E504" s="18"/>
      <c r="F504" s="18"/>
      <c r="G504" s="18"/>
      <c r="H504" s="14"/>
      <c r="I504" s="14"/>
      <c r="J504" s="88"/>
      <c r="K504" s="89"/>
      <c r="L504" s="90"/>
    </row>
    <row r="505" spans="1:22" s="83" customFormat="1" x14ac:dyDescent="0.15">
      <c r="A505" s="243"/>
      <c r="B505" s="84"/>
      <c r="C505" s="62"/>
      <c r="D505" s="62"/>
      <c r="E505" s="62"/>
      <c r="F505" s="62"/>
      <c r="G505" s="62"/>
      <c r="H505" s="92"/>
      <c r="I505" s="92"/>
      <c r="J505" s="88"/>
      <c r="K505" s="89"/>
      <c r="L505" s="90"/>
    </row>
    <row r="506" spans="1:22" x14ac:dyDescent="0.15">
      <c r="A506" s="243"/>
      <c r="B506" s="203"/>
      <c r="C506" s="3"/>
      <c r="D506" s="3"/>
      <c r="F506" s="3"/>
      <c r="G506" s="3"/>
      <c r="H506" s="286"/>
      <c r="I506" s="286"/>
      <c r="J506" s="61"/>
      <c r="K506" s="31"/>
      <c r="L506" s="108"/>
      <c r="M506" s="8"/>
      <c r="N506" s="8"/>
      <c r="O506" s="8"/>
      <c r="P506" s="8"/>
      <c r="Q506" s="8"/>
      <c r="R506" s="8"/>
      <c r="S506" s="8"/>
      <c r="T506" s="8"/>
      <c r="U506" s="8"/>
      <c r="V506" s="8"/>
    </row>
    <row r="507" spans="1:22" x14ac:dyDescent="0.15">
      <c r="A507" s="243"/>
      <c r="B507" s="18" t="s">
        <v>306</v>
      </c>
      <c r="C507" s="107"/>
      <c r="D507" s="107"/>
      <c r="E507" s="107"/>
      <c r="F507" s="107"/>
      <c r="G507" s="107"/>
      <c r="H507" s="14"/>
      <c r="I507" s="14"/>
      <c r="J507" s="61"/>
      <c r="K507" s="31"/>
      <c r="L507" s="108"/>
      <c r="M507" s="8"/>
      <c r="N507" s="8"/>
      <c r="O507" s="8"/>
      <c r="P507" s="8"/>
      <c r="Q507" s="8"/>
      <c r="R507" s="8"/>
      <c r="S507" s="8"/>
      <c r="T507" s="8"/>
      <c r="U507" s="8"/>
      <c r="V507" s="8"/>
    </row>
    <row r="508" spans="1:22" x14ac:dyDescent="0.15">
      <c r="A508" s="243"/>
      <c r="B508" s="18"/>
      <c r="C508" s="18"/>
      <c r="D508" s="18"/>
      <c r="E508" s="18"/>
      <c r="F508" s="18"/>
      <c r="G508" s="18"/>
      <c r="H508" s="14"/>
      <c r="I508" s="14"/>
      <c r="L508" s="240"/>
      <c r="M508" s="8"/>
      <c r="N508" s="8"/>
      <c r="O508" s="8"/>
      <c r="P508" s="8"/>
      <c r="Q508" s="8"/>
      <c r="R508" s="8"/>
      <c r="S508" s="8"/>
      <c r="T508" s="8"/>
      <c r="U508" s="8"/>
      <c r="V508" s="8"/>
    </row>
    <row r="509" spans="1:22" ht="34.5" customHeight="1" x14ac:dyDescent="0.15">
      <c r="A509" s="243"/>
      <c r="B509" s="18"/>
      <c r="C509" s="18" t="s">
        <v>307</v>
      </c>
      <c r="D509" s="3"/>
      <c r="F509" s="3"/>
      <c r="G509" s="3"/>
      <c r="H509" s="286"/>
      <c r="I509" s="286"/>
      <c r="J509" s="77" t="s">
        <v>35</v>
      </c>
      <c r="K509" s="185"/>
      <c r="L509" s="66" t="s">
        <v>1051</v>
      </c>
      <c r="M509" s="8"/>
      <c r="N509" s="8"/>
      <c r="O509" s="8"/>
      <c r="P509" s="8"/>
      <c r="Q509" s="8"/>
      <c r="R509" s="8"/>
      <c r="S509" s="8"/>
      <c r="T509" s="8"/>
      <c r="U509" s="8"/>
      <c r="V509" s="8"/>
    </row>
    <row r="510" spans="1:22" ht="20.25" customHeight="1" x14ac:dyDescent="0.15">
      <c r="A510" s="243"/>
      <c r="B510" s="1"/>
      <c r="C510" s="330"/>
      <c r="D510" s="331"/>
      <c r="E510" s="331"/>
      <c r="F510" s="331"/>
      <c r="G510" s="107"/>
      <c r="H510" s="286"/>
      <c r="I510" s="67" t="s">
        <v>36</v>
      </c>
      <c r="J510" s="68"/>
      <c r="K510" s="186"/>
      <c r="L510" s="70" t="s">
        <v>1052</v>
      </c>
      <c r="M510" s="8"/>
      <c r="N510" s="8"/>
      <c r="O510" s="8"/>
      <c r="P510" s="8"/>
      <c r="Q510" s="8"/>
      <c r="R510" s="8"/>
      <c r="S510" s="8"/>
      <c r="T510" s="8"/>
      <c r="U510" s="8"/>
      <c r="V510" s="8"/>
    </row>
    <row r="511" spans="1:22" ht="42" customHeight="1" x14ac:dyDescent="0.15">
      <c r="A511" s="252" t="s">
        <v>836</v>
      </c>
      <c r="B511" s="1"/>
      <c r="C511" s="324" t="s">
        <v>308</v>
      </c>
      <c r="D511" s="325"/>
      <c r="E511" s="325"/>
      <c r="F511" s="325"/>
      <c r="G511" s="325"/>
      <c r="H511" s="326"/>
      <c r="I511" s="134" t="s">
        <v>309</v>
      </c>
      <c r="J511" s="116">
        <f t="shared" ref="J511:J518" si="19">IF(SUM(L511:L511)=0,IF(COUNTIF(L511:L511,"未確認")&gt;0,"未確認",IF(COUNTIF(L511:L511,"~*")&gt;0,"*",SUM(L511:L511))),SUM(L511:L511))</f>
        <v>0</v>
      </c>
      <c r="K511" s="201" t="str">
        <f t="shared" ref="K511:K518" si="20">IF(OR(COUNTIF(L511:L511,"未確認")&gt;0,COUNTIF(L511:L511,"*")&gt;0),"※","")</f>
        <v/>
      </c>
      <c r="L511" s="117"/>
      <c r="M511" s="8"/>
      <c r="N511" s="8"/>
      <c r="O511" s="8"/>
      <c r="P511" s="8"/>
      <c r="Q511" s="8"/>
      <c r="R511" s="8"/>
      <c r="S511" s="8"/>
      <c r="T511" s="8"/>
      <c r="U511" s="8"/>
      <c r="V511" s="8"/>
    </row>
    <row r="512" spans="1:22" ht="84" customHeight="1" x14ac:dyDescent="0.15">
      <c r="A512" s="252" t="s">
        <v>837</v>
      </c>
      <c r="B512" s="204"/>
      <c r="C512" s="324" t="s">
        <v>310</v>
      </c>
      <c r="D512" s="325"/>
      <c r="E512" s="325"/>
      <c r="F512" s="325"/>
      <c r="G512" s="325"/>
      <c r="H512" s="326"/>
      <c r="I512" s="122" t="s">
        <v>311</v>
      </c>
      <c r="J512" s="116">
        <f t="shared" si="19"/>
        <v>0</v>
      </c>
      <c r="K512" s="201" t="str">
        <f t="shared" si="20"/>
        <v/>
      </c>
      <c r="L512" s="117"/>
      <c r="M512" s="8"/>
      <c r="N512" s="8"/>
      <c r="O512" s="8"/>
      <c r="P512" s="8"/>
      <c r="Q512" s="8"/>
      <c r="R512" s="8"/>
      <c r="S512" s="8"/>
      <c r="T512" s="8"/>
      <c r="U512" s="8"/>
      <c r="V512" s="8"/>
    </row>
    <row r="513" spans="1:22" ht="56.1" customHeight="1" x14ac:dyDescent="0.15">
      <c r="A513" s="252" t="s">
        <v>972</v>
      </c>
      <c r="B513" s="204"/>
      <c r="C513" s="324" t="s">
        <v>312</v>
      </c>
      <c r="D513" s="325"/>
      <c r="E513" s="325"/>
      <c r="F513" s="325"/>
      <c r="G513" s="325"/>
      <c r="H513" s="326"/>
      <c r="I513" s="122" t="s">
        <v>313</v>
      </c>
      <c r="J513" s="116">
        <f t="shared" si="19"/>
        <v>0</v>
      </c>
      <c r="K513" s="201" t="str">
        <f t="shared" si="20"/>
        <v/>
      </c>
      <c r="L513" s="117"/>
      <c r="M513" s="8"/>
      <c r="N513" s="8"/>
      <c r="O513" s="8"/>
      <c r="P513" s="8"/>
      <c r="Q513" s="8"/>
      <c r="R513" s="8"/>
      <c r="S513" s="8"/>
      <c r="T513" s="8"/>
      <c r="U513" s="8"/>
      <c r="V513" s="8"/>
    </row>
    <row r="514" spans="1:22" ht="56.1" customHeight="1" x14ac:dyDescent="0.15">
      <c r="A514" s="252" t="s">
        <v>838</v>
      </c>
      <c r="B514" s="204"/>
      <c r="C514" s="324" t="s">
        <v>314</v>
      </c>
      <c r="D514" s="325"/>
      <c r="E514" s="325"/>
      <c r="F514" s="325"/>
      <c r="G514" s="325"/>
      <c r="H514" s="326"/>
      <c r="I514" s="122" t="s">
        <v>315</v>
      </c>
      <c r="J514" s="116">
        <f t="shared" si="19"/>
        <v>0</v>
      </c>
      <c r="K514" s="201" t="str">
        <f t="shared" si="20"/>
        <v/>
      </c>
      <c r="L514" s="117"/>
      <c r="M514" s="8"/>
      <c r="N514" s="8"/>
      <c r="O514" s="8"/>
      <c r="P514" s="8"/>
      <c r="Q514" s="8"/>
      <c r="R514" s="8"/>
      <c r="S514" s="8"/>
      <c r="T514" s="8"/>
      <c r="U514" s="8"/>
      <c r="V514" s="8"/>
    </row>
    <row r="515" spans="1:22" ht="71.25" x14ac:dyDescent="0.15">
      <c r="A515" s="252" t="s">
        <v>839</v>
      </c>
      <c r="B515" s="204"/>
      <c r="C515" s="324" t="s">
        <v>316</v>
      </c>
      <c r="D515" s="325"/>
      <c r="E515" s="325"/>
      <c r="F515" s="325"/>
      <c r="G515" s="325"/>
      <c r="H515" s="326"/>
      <c r="I515" s="122" t="s">
        <v>317</v>
      </c>
      <c r="J515" s="116">
        <f t="shared" si="19"/>
        <v>0</v>
      </c>
      <c r="K515" s="201" t="str">
        <f t="shared" si="20"/>
        <v/>
      </c>
      <c r="L515" s="117"/>
      <c r="M515" s="8"/>
      <c r="N515" s="8"/>
      <c r="O515" s="8"/>
      <c r="P515" s="8"/>
      <c r="Q515" s="8"/>
      <c r="R515" s="8"/>
      <c r="S515" s="8"/>
      <c r="T515" s="8"/>
      <c r="U515" s="8"/>
      <c r="V515" s="8"/>
    </row>
    <row r="516" spans="1:22" s="118" customFormat="1" ht="84" customHeight="1" x14ac:dyDescent="0.15">
      <c r="A516" s="252" t="s">
        <v>841</v>
      </c>
      <c r="B516" s="204"/>
      <c r="C516" s="327" t="s">
        <v>1020</v>
      </c>
      <c r="D516" s="328"/>
      <c r="E516" s="328"/>
      <c r="F516" s="328"/>
      <c r="G516" s="328"/>
      <c r="H516" s="329"/>
      <c r="I516" s="122" t="s">
        <v>319</v>
      </c>
      <c r="J516" s="116">
        <f t="shared" si="19"/>
        <v>0</v>
      </c>
      <c r="K516" s="201" t="str">
        <f t="shared" si="20"/>
        <v/>
      </c>
      <c r="L516" s="117"/>
    </row>
    <row r="517" spans="1:22" s="118" customFormat="1" ht="70.150000000000006" customHeight="1" x14ac:dyDescent="0.15">
      <c r="A517" s="252" t="s">
        <v>840</v>
      </c>
      <c r="B517" s="204"/>
      <c r="C517" s="324" t="s">
        <v>320</v>
      </c>
      <c r="D517" s="325"/>
      <c r="E517" s="325"/>
      <c r="F517" s="325"/>
      <c r="G517" s="325"/>
      <c r="H517" s="326"/>
      <c r="I517" s="122" t="s">
        <v>321</v>
      </c>
      <c r="J517" s="116">
        <f t="shared" si="19"/>
        <v>0</v>
      </c>
      <c r="K517" s="201" t="str">
        <f t="shared" si="20"/>
        <v/>
      </c>
      <c r="L517" s="117"/>
    </row>
    <row r="518" spans="1:22" s="118" customFormat="1" ht="84" customHeight="1" x14ac:dyDescent="0.15">
      <c r="A518" s="252" t="s">
        <v>842</v>
      </c>
      <c r="B518" s="204"/>
      <c r="C518" s="324" t="s">
        <v>322</v>
      </c>
      <c r="D518" s="325"/>
      <c r="E518" s="325"/>
      <c r="F518" s="325"/>
      <c r="G518" s="325"/>
      <c r="H518" s="326"/>
      <c r="I518" s="122" t="s">
        <v>323</v>
      </c>
      <c r="J518" s="116">
        <f t="shared" si="19"/>
        <v>0</v>
      </c>
      <c r="K518" s="201" t="str">
        <f t="shared" si="20"/>
        <v/>
      </c>
      <c r="L518" s="117"/>
    </row>
    <row r="519" spans="1:22" s="91" customFormat="1" x14ac:dyDescent="0.15">
      <c r="A519" s="243"/>
      <c r="B519" s="18"/>
      <c r="C519" s="18"/>
      <c r="D519" s="18"/>
      <c r="E519" s="18"/>
      <c r="F519" s="18"/>
      <c r="G519" s="18"/>
      <c r="H519" s="14"/>
      <c r="I519" s="14"/>
      <c r="J519" s="88"/>
      <c r="K519" s="89"/>
      <c r="L519" s="90"/>
    </row>
    <row r="520" spans="1:22" x14ac:dyDescent="0.15">
      <c r="A520" s="243"/>
      <c r="B520" s="18"/>
      <c r="C520" s="18"/>
      <c r="D520" s="18"/>
      <c r="E520" s="18"/>
      <c r="F520" s="18"/>
      <c r="G520" s="18"/>
      <c r="H520" s="14"/>
      <c r="I520" s="14"/>
      <c r="L520" s="76"/>
      <c r="M520" s="8"/>
      <c r="N520" s="8"/>
      <c r="O520" s="8"/>
      <c r="P520" s="8"/>
      <c r="Q520" s="8"/>
      <c r="R520" s="8"/>
      <c r="S520" s="8"/>
      <c r="T520" s="8"/>
      <c r="U520" s="8"/>
      <c r="V520" s="8"/>
    </row>
    <row r="521" spans="1:22" ht="34.5" customHeight="1" x14ac:dyDescent="0.15">
      <c r="A521" s="243"/>
      <c r="B521" s="18"/>
      <c r="C521" s="18" t="s">
        <v>324</v>
      </c>
      <c r="D521" s="3"/>
      <c r="F521" s="3"/>
      <c r="G521" s="3"/>
      <c r="H521" s="286"/>
      <c r="I521" s="286"/>
      <c r="J521" s="77" t="s">
        <v>35</v>
      </c>
      <c r="K521" s="185"/>
      <c r="L521" s="66" t="s">
        <v>1051</v>
      </c>
      <c r="M521" s="8"/>
      <c r="N521" s="8"/>
      <c r="O521" s="8"/>
      <c r="P521" s="8"/>
      <c r="Q521" s="8"/>
      <c r="R521" s="8"/>
      <c r="S521" s="8"/>
      <c r="T521" s="8"/>
      <c r="U521" s="8"/>
      <c r="V521" s="8"/>
    </row>
    <row r="522" spans="1:22" ht="20.25" customHeight="1" x14ac:dyDescent="0.15">
      <c r="A522" s="243"/>
      <c r="B522" s="1"/>
      <c r="C522" s="330"/>
      <c r="D522" s="331"/>
      <c r="E522" s="331"/>
      <c r="F522" s="331"/>
      <c r="G522" s="107"/>
      <c r="H522" s="286"/>
      <c r="I522" s="67" t="s">
        <v>36</v>
      </c>
      <c r="J522" s="68"/>
      <c r="K522" s="186"/>
      <c r="L522" s="70" t="s">
        <v>1052</v>
      </c>
      <c r="M522" s="8"/>
      <c r="N522" s="8"/>
      <c r="O522" s="8"/>
      <c r="P522" s="8"/>
      <c r="Q522" s="8"/>
      <c r="R522" s="8"/>
      <c r="S522" s="8"/>
      <c r="T522" s="8"/>
      <c r="U522" s="8"/>
      <c r="V522" s="8"/>
    </row>
    <row r="523" spans="1:22" s="115" customFormat="1" ht="57" x14ac:dyDescent="0.15">
      <c r="A523" s="252" t="s">
        <v>843</v>
      </c>
      <c r="B523" s="204"/>
      <c r="C523" s="307" t="s">
        <v>325</v>
      </c>
      <c r="D523" s="308"/>
      <c r="E523" s="308"/>
      <c r="F523" s="308"/>
      <c r="G523" s="308"/>
      <c r="H523" s="309"/>
      <c r="I523" s="122" t="s">
        <v>326</v>
      </c>
      <c r="J523" s="205">
        <f>IF(SUM(L523:L523)=0,IF(COUNTIF(L523:L523,"未確認")&gt;0,"未確認",IF(COUNTIF(L523:L523,"~*")&gt;0,"*",SUM(L523:L523))),SUM(L523:L523))</f>
        <v>0</v>
      </c>
      <c r="K523" s="201" t="str">
        <f>IF(OR(COUNTIF(L523:L523,"未確認")&gt;0,COUNTIF(L523:L523,"*")&gt;0),"※","")</f>
        <v/>
      </c>
      <c r="L523" s="117"/>
    </row>
    <row r="524" spans="1:22" s="115" customFormat="1" ht="42.75" x14ac:dyDescent="0.15">
      <c r="A524" s="252"/>
      <c r="B524" s="204"/>
      <c r="C524" s="307" t="s">
        <v>1041</v>
      </c>
      <c r="D524" s="308"/>
      <c r="E524" s="308"/>
      <c r="F524" s="308"/>
      <c r="G524" s="308"/>
      <c r="H524" s="309"/>
      <c r="I524" s="122" t="s">
        <v>1042</v>
      </c>
      <c r="J524" s="205">
        <f>IF(SUM(L524:L524)=0,IF(COUNTIF(L524:L524,"未確認")&gt;0,"未確認",IF(COUNTIF(L524:L524,"~*")&gt;0,"*",SUM(L524:L524))),SUM(L524:L524))</f>
        <v>0</v>
      </c>
      <c r="K524" s="201" t="str">
        <f>IF(OR(COUNTIF(L524:L524,"未確認")&gt;0,COUNTIF(L524:L524,"*")&gt;0),"※","")</f>
        <v/>
      </c>
      <c r="L524" s="117"/>
    </row>
    <row r="525" spans="1:22" s="115" customFormat="1" ht="71.25" x14ac:dyDescent="0.15">
      <c r="A525" s="252" t="s">
        <v>844</v>
      </c>
      <c r="B525" s="204"/>
      <c r="C525" s="307" t="s">
        <v>327</v>
      </c>
      <c r="D525" s="308"/>
      <c r="E525" s="308"/>
      <c r="F525" s="308"/>
      <c r="G525" s="308"/>
      <c r="H525" s="309"/>
      <c r="I525" s="122" t="s">
        <v>328</v>
      </c>
      <c r="J525" s="205">
        <f>IF(SUM(L525:L525)=0,IF(COUNTIF(L525:L525,"未確認")&gt;0,"未確認",IF(COUNTIF(L525:L525,"~*")&gt;0,"*",SUM(L525:L525))),SUM(L525:L525))</f>
        <v>0</v>
      </c>
      <c r="K525" s="201" t="str">
        <f>IF(OR(COUNTIF(L525:L525,"未確認")&gt;0,COUNTIF(L525:L525,"*")&gt;0),"※","")</f>
        <v/>
      </c>
      <c r="L525" s="117"/>
    </row>
    <row r="526" spans="1:22" s="91" customFormat="1" x14ac:dyDescent="0.15">
      <c r="A526" s="243"/>
      <c r="B526" s="18"/>
      <c r="C526" s="18"/>
      <c r="D526" s="18"/>
      <c r="E526" s="18"/>
      <c r="F526" s="18"/>
      <c r="G526" s="18"/>
      <c r="H526" s="14"/>
      <c r="I526" s="14"/>
      <c r="J526" s="88"/>
      <c r="K526" s="89"/>
      <c r="L526" s="76"/>
    </row>
    <row r="527" spans="1:22" x14ac:dyDescent="0.15">
      <c r="A527" s="243"/>
      <c r="B527" s="18"/>
      <c r="C527" s="18"/>
      <c r="D527" s="18"/>
      <c r="E527" s="18"/>
      <c r="F527" s="18"/>
      <c r="G527" s="18"/>
      <c r="H527" s="14"/>
      <c r="I527" s="14"/>
      <c r="L527" s="76"/>
      <c r="M527" s="8"/>
      <c r="N527" s="8"/>
      <c r="O527" s="8"/>
      <c r="P527" s="8"/>
      <c r="Q527" s="8"/>
      <c r="R527" s="8"/>
      <c r="S527" s="8"/>
      <c r="T527" s="8"/>
      <c r="U527" s="8"/>
      <c r="V527" s="8"/>
    </row>
    <row r="528" spans="1:22" ht="34.5" customHeight="1" x14ac:dyDescent="0.15">
      <c r="A528" s="243"/>
      <c r="B528" s="18"/>
      <c r="C528" s="18" t="s">
        <v>329</v>
      </c>
      <c r="D528" s="3"/>
      <c r="F528" s="3"/>
      <c r="G528" s="3"/>
      <c r="H528" s="286"/>
      <c r="I528" s="286"/>
      <c r="J528" s="77" t="s">
        <v>35</v>
      </c>
      <c r="K528" s="185"/>
      <c r="L528" s="66" t="s">
        <v>1051</v>
      </c>
      <c r="M528" s="8"/>
      <c r="N528" s="8"/>
      <c r="O528" s="8"/>
      <c r="P528" s="8"/>
      <c r="Q528" s="8"/>
      <c r="R528" s="8"/>
      <c r="S528" s="8"/>
      <c r="T528" s="8"/>
      <c r="U528" s="8"/>
      <c r="V528" s="8"/>
    </row>
    <row r="529" spans="1:22" ht="20.25" customHeight="1" x14ac:dyDescent="0.15">
      <c r="A529" s="243"/>
      <c r="B529" s="1"/>
      <c r="C529" s="356"/>
      <c r="D529" s="356"/>
      <c r="E529" s="356"/>
      <c r="F529" s="356"/>
      <c r="G529" s="107"/>
      <c r="H529" s="286"/>
      <c r="I529" s="67" t="s">
        <v>36</v>
      </c>
      <c r="J529" s="68"/>
      <c r="K529" s="186"/>
      <c r="L529" s="70" t="s">
        <v>1052</v>
      </c>
      <c r="M529" s="8"/>
      <c r="N529" s="8"/>
      <c r="O529" s="8"/>
      <c r="P529" s="8"/>
      <c r="Q529" s="8"/>
      <c r="R529" s="8"/>
      <c r="S529" s="8"/>
      <c r="T529" s="8"/>
      <c r="U529" s="8"/>
      <c r="V529" s="8"/>
    </row>
    <row r="530" spans="1:22" s="115" customFormat="1" ht="71.25" x14ac:dyDescent="0.15">
      <c r="A530" s="252" t="s">
        <v>845</v>
      </c>
      <c r="B530" s="204"/>
      <c r="C530" s="307" t="s">
        <v>330</v>
      </c>
      <c r="D530" s="308"/>
      <c r="E530" s="308"/>
      <c r="F530" s="308"/>
      <c r="G530" s="308"/>
      <c r="H530" s="309"/>
      <c r="I530" s="122" t="s">
        <v>331</v>
      </c>
      <c r="J530" s="205">
        <f>IF(SUM(L530:L530)=0,IF(COUNTIF(L530:L530,"未確認")&gt;0,"未確認",IF(COUNTIF(L530:L530,"~*")&gt;0,"*",SUM(L530:L530))),SUM(L530:L530))</f>
        <v>0</v>
      </c>
      <c r="K530" s="201" t="str">
        <f>IF(OR(COUNTIF(L530:L530,"未確認")&gt;0,COUNTIF(L530:L530,"*")&gt;0),"※","")</f>
        <v/>
      </c>
      <c r="L530" s="117"/>
    </row>
    <row r="531" spans="1:22" s="91" customFormat="1" x14ac:dyDescent="0.15">
      <c r="A531" s="243"/>
      <c r="B531" s="18"/>
      <c r="C531" s="18"/>
      <c r="D531" s="18"/>
      <c r="E531" s="18"/>
      <c r="F531" s="18"/>
      <c r="G531" s="18"/>
      <c r="H531" s="14"/>
      <c r="I531" s="14"/>
      <c r="J531" s="88"/>
      <c r="K531" s="89"/>
      <c r="L531" s="90"/>
    </row>
    <row r="532" spans="1:22" x14ac:dyDescent="0.15">
      <c r="A532" s="243"/>
      <c r="B532" s="18"/>
      <c r="C532" s="18"/>
      <c r="D532" s="18"/>
      <c r="E532" s="18"/>
      <c r="F532" s="18"/>
      <c r="G532" s="18"/>
      <c r="H532" s="14"/>
      <c r="I532" s="14"/>
      <c r="L532" s="76"/>
      <c r="M532" s="8"/>
      <c r="N532" s="8"/>
      <c r="O532" s="8"/>
      <c r="P532" s="8"/>
      <c r="Q532" s="8"/>
      <c r="R532" s="8"/>
      <c r="S532" s="8"/>
      <c r="T532" s="8"/>
      <c r="U532" s="8"/>
      <c r="V532" s="8"/>
    </row>
    <row r="533" spans="1:22" ht="34.5" customHeight="1" x14ac:dyDescent="0.15">
      <c r="A533" s="243"/>
      <c r="B533" s="18"/>
      <c r="C533" s="18" t="s">
        <v>332</v>
      </c>
      <c r="D533" s="3"/>
      <c r="F533" s="3"/>
      <c r="G533" s="3"/>
      <c r="H533" s="286"/>
      <c r="I533" s="286"/>
      <c r="J533" s="77" t="s">
        <v>35</v>
      </c>
      <c r="K533" s="185"/>
      <c r="L533" s="66" t="s">
        <v>1051</v>
      </c>
      <c r="M533" s="8"/>
      <c r="N533" s="8"/>
      <c r="O533" s="8"/>
      <c r="P533" s="8"/>
      <c r="Q533" s="8"/>
      <c r="R533" s="8"/>
      <c r="S533" s="8"/>
      <c r="T533" s="8"/>
      <c r="U533" s="8"/>
      <c r="V533" s="8"/>
    </row>
    <row r="534" spans="1:22" ht="20.25" customHeight="1" x14ac:dyDescent="0.15">
      <c r="A534" s="243"/>
      <c r="B534" s="1"/>
      <c r="C534" s="356"/>
      <c r="D534" s="357"/>
      <c r="E534" s="357"/>
      <c r="F534" s="357"/>
      <c r="G534" s="107"/>
      <c r="H534" s="286"/>
      <c r="I534" s="67" t="s">
        <v>36</v>
      </c>
      <c r="J534" s="68"/>
      <c r="K534" s="186"/>
      <c r="L534" s="70" t="s">
        <v>1052</v>
      </c>
      <c r="M534" s="8"/>
      <c r="N534" s="8"/>
      <c r="O534" s="8"/>
      <c r="P534" s="8"/>
      <c r="Q534" s="8"/>
      <c r="R534" s="8"/>
      <c r="S534" s="8"/>
      <c r="T534" s="8"/>
      <c r="U534" s="8"/>
      <c r="V534" s="8"/>
    </row>
    <row r="535" spans="1:22" s="91" customFormat="1" ht="34.5" customHeight="1" x14ac:dyDescent="0.15">
      <c r="A535" s="251" t="s">
        <v>846</v>
      </c>
      <c r="B535" s="204"/>
      <c r="C535" s="324" t="s">
        <v>333</v>
      </c>
      <c r="D535" s="325"/>
      <c r="E535" s="325"/>
      <c r="F535" s="325"/>
      <c r="G535" s="325"/>
      <c r="H535" s="326"/>
      <c r="I535" s="122" t="s">
        <v>334</v>
      </c>
      <c r="J535" s="116">
        <f>IF(SUM(L535:L535)=0,IF(COUNTIF(L535:L535,"未確認")&gt;0,"未確認",IF(COUNTIF(L535:L535,"~*")&gt;0,"*",SUM(L535:L535))),SUM(L535:L535))</f>
        <v>0</v>
      </c>
      <c r="K535" s="201" t="str">
        <f>IF(OR(COUNTIF(L535:L535,"未確認")&gt;0,COUNTIF(L535:L535,"*")&gt;0),"※","")</f>
        <v/>
      </c>
      <c r="L535" s="117"/>
    </row>
    <row r="536" spans="1:22" s="91" customFormat="1" x14ac:dyDescent="0.15">
      <c r="A536" s="243"/>
      <c r="B536" s="18"/>
      <c r="C536" s="18"/>
      <c r="D536" s="18"/>
      <c r="E536" s="18"/>
      <c r="F536" s="18"/>
      <c r="G536" s="18"/>
      <c r="H536" s="14"/>
      <c r="I536" s="14"/>
      <c r="J536" s="88"/>
      <c r="K536" s="89"/>
      <c r="L536" s="90"/>
    </row>
    <row r="537" spans="1:22" x14ac:dyDescent="0.15">
      <c r="A537" s="243"/>
      <c r="B537" s="18"/>
      <c r="C537" s="18"/>
      <c r="D537" s="18"/>
      <c r="E537" s="18"/>
      <c r="F537" s="18"/>
      <c r="G537" s="18"/>
      <c r="H537" s="14"/>
      <c r="I537" s="14"/>
      <c r="J537" s="63"/>
      <c r="K537" s="31"/>
      <c r="L537" s="76"/>
      <c r="M537" s="8"/>
      <c r="N537" s="8"/>
      <c r="O537" s="8"/>
      <c r="P537" s="8"/>
      <c r="Q537" s="8"/>
      <c r="R537" s="8"/>
      <c r="S537" s="8"/>
      <c r="T537" s="8"/>
      <c r="U537" s="8"/>
      <c r="V537" s="8"/>
    </row>
    <row r="538" spans="1:22" ht="34.5" customHeight="1" x14ac:dyDescent="0.15">
      <c r="A538" s="243"/>
      <c r="B538" s="18"/>
      <c r="C538" s="18" t="s">
        <v>335</v>
      </c>
      <c r="D538" s="3"/>
      <c r="F538" s="3"/>
      <c r="G538" s="3"/>
      <c r="H538" s="286"/>
      <c r="I538" s="286"/>
      <c r="J538" s="77" t="s">
        <v>35</v>
      </c>
      <c r="K538" s="185"/>
      <c r="L538" s="66" t="s">
        <v>1051</v>
      </c>
      <c r="M538" s="8"/>
      <c r="N538" s="8"/>
      <c r="O538" s="8"/>
      <c r="P538" s="8"/>
      <c r="Q538" s="8"/>
      <c r="R538" s="8"/>
      <c r="S538" s="8"/>
      <c r="T538" s="8"/>
      <c r="U538" s="8"/>
      <c r="V538" s="8"/>
    </row>
    <row r="539" spans="1:22" ht="20.25" customHeight="1" x14ac:dyDescent="0.15">
      <c r="A539" s="243"/>
      <c r="B539" s="1"/>
      <c r="C539" s="330"/>
      <c r="D539" s="331"/>
      <c r="E539" s="331"/>
      <c r="F539" s="331"/>
      <c r="G539" s="107"/>
      <c r="H539" s="286"/>
      <c r="I539" s="67" t="s">
        <v>36</v>
      </c>
      <c r="J539" s="68"/>
      <c r="K539" s="186"/>
      <c r="L539" s="70" t="s">
        <v>1052</v>
      </c>
      <c r="M539" s="8"/>
      <c r="N539" s="8"/>
      <c r="O539" s="8"/>
      <c r="P539" s="8"/>
      <c r="Q539" s="8"/>
      <c r="R539" s="8"/>
      <c r="S539" s="8"/>
      <c r="T539" s="8"/>
      <c r="U539" s="8"/>
      <c r="V539" s="8"/>
    </row>
    <row r="540" spans="1:22" s="115" customFormat="1" ht="56.1" customHeight="1" x14ac:dyDescent="0.15">
      <c r="A540" s="252" t="s">
        <v>847</v>
      </c>
      <c r="B540" s="204"/>
      <c r="C540" s="324" t="s">
        <v>336</v>
      </c>
      <c r="D540" s="325"/>
      <c r="E540" s="325"/>
      <c r="F540" s="325"/>
      <c r="G540" s="325"/>
      <c r="H540" s="326"/>
      <c r="I540" s="122" t="s">
        <v>337</v>
      </c>
      <c r="J540" s="116">
        <f t="shared" ref="J540:J545" si="21">IF(SUM(L540:L540)=0,IF(COUNTIF(L540:L540,"未確認")&gt;0,"未確認",IF(COUNTIF(L540:L540,"~*")&gt;0,"*",SUM(L540:L540))),SUM(L540:L540))</f>
        <v>0</v>
      </c>
      <c r="K540" s="201" t="str">
        <f t="shared" ref="K540:K545" si="22">IF(OR(COUNTIF(L540:L540,"未確認")&gt;0,COUNTIF(L540:L540,"*")&gt;0),"※","")</f>
        <v/>
      </c>
      <c r="L540" s="117"/>
    </row>
    <row r="541" spans="1:22" s="115" customFormat="1" ht="70.150000000000006" customHeight="1" x14ac:dyDescent="0.15">
      <c r="A541" s="252" t="s">
        <v>848</v>
      </c>
      <c r="B541" s="204"/>
      <c r="C541" s="324" t="s">
        <v>338</v>
      </c>
      <c r="D541" s="325"/>
      <c r="E541" s="325"/>
      <c r="F541" s="325"/>
      <c r="G541" s="325"/>
      <c r="H541" s="326"/>
      <c r="I541" s="122" t="s">
        <v>339</v>
      </c>
      <c r="J541" s="116">
        <f t="shared" si="21"/>
        <v>0</v>
      </c>
      <c r="K541" s="201" t="str">
        <f t="shared" si="22"/>
        <v/>
      </c>
      <c r="L541" s="117"/>
    </row>
    <row r="542" spans="1:22" s="115" customFormat="1" ht="42.75" customHeight="1" x14ac:dyDescent="0.15">
      <c r="A542" s="252" t="s">
        <v>849</v>
      </c>
      <c r="B542" s="204"/>
      <c r="C542" s="324" t="s">
        <v>340</v>
      </c>
      <c r="D542" s="325"/>
      <c r="E542" s="325"/>
      <c r="F542" s="325"/>
      <c r="G542" s="325"/>
      <c r="H542" s="326"/>
      <c r="I542" s="354" t="s">
        <v>341</v>
      </c>
      <c r="J542" s="116">
        <f t="shared" si="21"/>
        <v>0</v>
      </c>
      <c r="K542" s="201" t="str">
        <f t="shared" si="22"/>
        <v/>
      </c>
      <c r="L542" s="117"/>
    </row>
    <row r="543" spans="1:22" s="115" customFormat="1" ht="42.75" customHeight="1" x14ac:dyDescent="0.15">
      <c r="A543" s="252" t="s">
        <v>850</v>
      </c>
      <c r="B543" s="204"/>
      <c r="C543" s="324" t="s">
        <v>342</v>
      </c>
      <c r="D543" s="325"/>
      <c r="E543" s="325"/>
      <c r="F543" s="325"/>
      <c r="G543" s="325"/>
      <c r="H543" s="326"/>
      <c r="I543" s="355"/>
      <c r="J543" s="116" t="str">
        <f t="shared" si="21"/>
        <v>*</v>
      </c>
      <c r="K543" s="201" t="str">
        <f t="shared" si="22"/>
        <v>※</v>
      </c>
      <c r="L543" s="117" t="s">
        <v>541</v>
      </c>
    </row>
    <row r="544" spans="1:22" s="115" customFormat="1" ht="70.150000000000006" customHeight="1" x14ac:dyDescent="0.15">
      <c r="A544" s="252" t="s">
        <v>851</v>
      </c>
      <c r="B544" s="204"/>
      <c r="C544" s="324" t="s">
        <v>343</v>
      </c>
      <c r="D544" s="325"/>
      <c r="E544" s="325"/>
      <c r="F544" s="325"/>
      <c r="G544" s="325"/>
      <c r="H544" s="326"/>
      <c r="I544" s="122" t="s">
        <v>344</v>
      </c>
      <c r="J544" s="116">
        <f t="shared" si="21"/>
        <v>0</v>
      </c>
      <c r="K544" s="201" t="str">
        <f t="shared" si="22"/>
        <v/>
      </c>
      <c r="L544" s="117"/>
    </row>
    <row r="545" spans="1:22" s="115" customFormat="1" ht="56.1" customHeight="1" x14ac:dyDescent="0.15">
      <c r="A545" s="252" t="s">
        <v>852</v>
      </c>
      <c r="B545" s="204"/>
      <c r="C545" s="324" t="s">
        <v>345</v>
      </c>
      <c r="D545" s="325"/>
      <c r="E545" s="325"/>
      <c r="F545" s="325"/>
      <c r="G545" s="325"/>
      <c r="H545" s="326"/>
      <c r="I545" s="122" t="s">
        <v>346</v>
      </c>
      <c r="J545" s="116">
        <f t="shared" si="21"/>
        <v>0</v>
      </c>
      <c r="K545" s="201" t="str">
        <f t="shared" si="22"/>
        <v/>
      </c>
      <c r="L545" s="117"/>
    </row>
    <row r="546" spans="1:22" s="91" customFormat="1" x14ac:dyDescent="0.15">
      <c r="A546" s="243"/>
      <c r="B546" s="18"/>
      <c r="C546" s="18"/>
      <c r="D546" s="18"/>
      <c r="E546" s="18"/>
      <c r="F546" s="18"/>
      <c r="G546" s="18"/>
      <c r="H546" s="14"/>
      <c r="I546" s="14"/>
      <c r="J546" s="88"/>
      <c r="K546" s="89"/>
      <c r="L546" s="90"/>
    </row>
    <row r="547" spans="1:22" s="83" customFormat="1" x14ac:dyDescent="0.15">
      <c r="A547" s="243"/>
      <c r="B547" s="84"/>
      <c r="C547" s="62"/>
      <c r="D547" s="62"/>
      <c r="E547" s="62"/>
      <c r="F547" s="62"/>
      <c r="G547" s="62"/>
      <c r="H547" s="92"/>
      <c r="I547" s="92"/>
      <c r="J547" s="88"/>
      <c r="K547" s="89"/>
      <c r="L547" s="90"/>
    </row>
    <row r="548" spans="1:22" s="115" customFormat="1" x14ac:dyDescent="0.15">
      <c r="A548" s="243"/>
      <c r="B548" s="204"/>
      <c r="C548" s="3"/>
      <c r="D548" s="3"/>
      <c r="E548" s="3"/>
      <c r="F548" s="3"/>
      <c r="G548" s="3"/>
      <c r="H548" s="286"/>
      <c r="I548" s="286"/>
      <c r="J548" s="61"/>
      <c r="K548" s="31"/>
      <c r="L548" s="108"/>
    </row>
    <row r="549" spans="1:22" s="115" customFormat="1" x14ac:dyDescent="0.15">
      <c r="A549" s="243"/>
      <c r="B549" s="18" t="s">
        <v>347</v>
      </c>
      <c r="C549" s="18"/>
      <c r="D549" s="18"/>
      <c r="E549" s="18"/>
      <c r="F549" s="18"/>
      <c r="G549" s="18"/>
      <c r="H549" s="14"/>
      <c r="I549" s="14"/>
      <c r="J549" s="61"/>
      <c r="K549" s="31"/>
      <c r="L549" s="108"/>
    </row>
    <row r="550" spans="1:22" x14ac:dyDescent="0.15">
      <c r="A550" s="243"/>
      <c r="B550" s="18"/>
      <c r="C550" s="18"/>
      <c r="D550" s="18"/>
      <c r="E550" s="18"/>
      <c r="F550" s="18"/>
      <c r="G550" s="18"/>
      <c r="H550" s="14"/>
      <c r="I550" s="14"/>
      <c r="L550" s="76"/>
      <c r="M550" s="8"/>
      <c r="N550" s="8"/>
      <c r="O550" s="8"/>
      <c r="P550" s="8"/>
      <c r="Q550" s="8"/>
      <c r="R550" s="8"/>
      <c r="S550" s="8"/>
      <c r="T550" s="8"/>
      <c r="U550" s="8"/>
      <c r="V550" s="8"/>
    </row>
    <row r="551" spans="1:22" s="1" customFormat="1" ht="34.5" customHeight="1" x14ac:dyDescent="0.15">
      <c r="A551" s="243"/>
      <c r="B551" s="18"/>
      <c r="C551" s="3"/>
      <c r="D551" s="3"/>
      <c r="E551" s="3"/>
      <c r="F551" s="3"/>
      <c r="G551" s="3"/>
      <c r="H551" s="286"/>
      <c r="I551" s="286"/>
      <c r="J551" s="77" t="s">
        <v>35</v>
      </c>
      <c r="K551" s="185"/>
      <c r="L551" s="66" t="s">
        <v>1051</v>
      </c>
    </row>
    <row r="552" spans="1:22" s="1" customFormat="1" ht="20.25" customHeight="1" x14ac:dyDescent="0.15">
      <c r="A552" s="243"/>
      <c r="C552" s="62"/>
      <c r="D552" s="3"/>
      <c r="E552" s="3"/>
      <c r="F552" s="3"/>
      <c r="G552" s="3"/>
      <c r="H552" s="286"/>
      <c r="I552" s="67" t="s">
        <v>36</v>
      </c>
      <c r="J552" s="68"/>
      <c r="K552" s="186"/>
      <c r="L552" s="70" t="s">
        <v>1052</v>
      </c>
    </row>
    <row r="553" spans="1:22" s="115" customFormat="1" ht="70.150000000000006" customHeight="1" x14ac:dyDescent="0.15">
      <c r="A553" s="252" t="s">
        <v>853</v>
      </c>
      <c r="C553" s="324" t="s">
        <v>348</v>
      </c>
      <c r="D553" s="325"/>
      <c r="E553" s="325"/>
      <c r="F553" s="325"/>
      <c r="G553" s="325"/>
      <c r="H553" s="326"/>
      <c r="I553" s="122" t="s">
        <v>349</v>
      </c>
      <c r="J553" s="116">
        <f t="shared" ref="J553:J565" si="23">IF(SUM(L553:L553)=0,IF(COUNTIF(L553:L553,"未確認")&gt;0,"未確認",IF(COUNTIF(L553:L553,"~*")&gt;0,"*",SUM(L553:L553))),SUM(L553:L553))</f>
        <v>0</v>
      </c>
      <c r="K553" s="201" t="str">
        <f t="shared" ref="K553:K565" si="24">IF(OR(COUNTIF(L553:L553,"未確認")&gt;0,COUNTIF(L553:L553,"*")&gt;0),"※","")</f>
        <v/>
      </c>
      <c r="L553" s="117"/>
    </row>
    <row r="554" spans="1:22" s="115" customFormat="1" ht="70.150000000000006" customHeight="1" x14ac:dyDescent="0.15">
      <c r="A554" s="252" t="s">
        <v>854</v>
      </c>
      <c r="B554" s="119"/>
      <c r="C554" s="324" t="s">
        <v>350</v>
      </c>
      <c r="D554" s="325"/>
      <c r="E554" s="325"/>
      <c r="F554" s="325"/>
      <c r="G554" s="325"/>
      <c r="H554" s="326"/>
      <c r="I554" s="122" t="s">
        <v>351</v>
      </c>
      <c r="J554" s="116">
        <f t="shared" si="23"/>
        <v>0</v>
      </c>
      <c r="K554" s="201" t="str">
        <f t="shared" si="24"/>
        <v/>
      </c>
      <c r="L554" s="117"/>
    </row>
    <row r="555" spans="1:22" s="115" customFormat="1" ht="70.150000000000006" customHeight="1" x14ac:dyDescent="0.15">
      <c r="A555" s="252" t="s">
        <v>855</v>
      </c>
      <c r="B555" s="119"/>
      <c r="C555" s="324" t="s">
        <v>352</v>
      </c>
      <c r="D555" s="325"/>
      <c r="E555" s="325"/>
      <c r="F555" s="325"/>
      <c r="G555" s="325"/>
      <c r="H555" s="326"/>
      <c r="I555" s="122" t="s">
        <v>353</v>
      </c>
      <c r="J555" s="116">
        <f t="shared" si="23"/>
        <v>0</v>
      </c>
      <c r="K555" s="201" t="str">
        <f t="shared" si="24"/>
        <v/>
      </c>
      <c r="L555" s="117"/>
    </row>
    <row r="556" spans="1:22" s="115" customFormat="1" ht="70.150000000000006" customHeight="1" x14ac:dyDescent="0.15">
      <c r="A556" s="252" t="s">
        <v>856</v>
      </c>
      <c r="B556" s="119"/>
      <c r="C556" s="324" t="s">
        <v>354</v>
      </c>
      <c r="D556" s="325"/>
      <c r="E556" s="325"/>
      <c r="F556" s="325"/>
      <c r="G556" s="325"/>
      <c r="H556" s="326"/>
      <c r="I556" s="122" t="s">
        <v>355</v>
      </c>
      <c r="J556" s="116">
        <f t="shared" si="23"/>
        <v>0</v>
      </c>
      <c r="K556" s="201" t="str">
        <f t="shared" si="24"/>
        <v/>
      </c>
      <c r="L556" s="117"/>
    </row>
    <row r="557" spans="1:22" s="115" customFormat="1" ht="70.150000000000006" customHeight="1" x14ac:dyDescent="0.15">
      <c r="A557" s="252" t="s">
        <v>857</v>
      </c>
      <c r="B557" s="119"/>
      <c r="C557" s="324" t="s">
        <v>356</v>
      </c>
      <c r="D557" s="325"/>
      <c r="E557" s="325"/>
      <c r="F557" s="325"/>
      <c r="G557" s="325"/>
      <c r="H557" s="326"/>
      <c r="I557" s="122" t="s">
        <v>357</v>
      </c>
      <c r="J557" s="116">
        <f t="shared" si="23"/>
        <v>0</v>
      </c>
      <c r="K557" s="201" t="str">
        <f t="shared" si="24"/>
        <v/>
      </c>
      <c r="L557" s="117"/>
    </row>
    <row r="558" spans="1:22" s="115" customFormat="1" ht="98.1" customHeight="1" x14ac:dyDescent="0.15">
      <c r="A558" s="252" t="s">
        <v>858</v>
      </c>
      <c r="B558" s="119"/>
      <c r="C558" s="324" t="s">
        <v>358</v>
      </c>
      <c r="D558" s="325"/>
      <c r="E558" s="325"/>
      <c r="F558" s="325"/>
      <c r="G558" s="325"/>
      <c r="H558" s="326"/>
      <c r="I558" s="122" t="s">
        <v>359</v>
      </c>
      <c r="J558" s="116">
        <f t="shared" si="23"/>
        <v>0</v>
      </c>
      <c r="K558" s="201" t="str">
        <f t="shared" si="24"/>
        <v/>
      </c>
      <c r="L558" s="117"/>
    </row>
    <row r="559" spans="1:22" s="115" customFormat="1" ht="84" customHeight="1" x14ac:dyDescent="0.15">
      <c r="A559" s="252" t="s">
        <v>859</v>
      </c>
      <c r="B559" s="119"/>
      <c r="C559" s="324" t="s">
        <v>360</v>
      </c>
      <c r="D559" s="325"/>
      <c r="E559" s="325"/>
      <c r="F559" s="325"/>
      <c r="G559" s="325"/>
      <c r="H559" s="326"/>
      <c r="I559" s="122" t="s">
        <v>361</v>
      </c>
      <c r="J559" s="116">
        <f t="shared" si="23"/>
        <v>0</v>
      </c>
      <c r="K559" s="201" t="str">
        <f t="shared" si="24"/>
        <v/>
      </c>
      <c r="L559" s="117"/>
    </row>
    <row r="560" spans="1:22" s="115" customFormat="1" ht="70.150000000000006" customHeight="1" x14ac:dyDescent="0.15">
      <c r="A560" s="252" t="s">
        <v>860</v>
      </c>
      <c r="B560" s="119"/>
      <c r="C560" s="324" t="s">
        <v>362</v>
      </c>
      <c r="D560" s="325"/>
      <c r="E560" s="325"/>
      <c r="F560" s="325"/>
      <c r="G560" s="325"/>
      <c r="H560" s="326"/>
      <c r="I560" s="122" t="s">
        <v>363</v>
      </c>
      <c r="J560" s="116">
        <f t="shared" si="23"/>
        <v>0</v>
      </c>
      <c r="K560" s="201" t="str">
        <f t="shared" si="24"/>
        <v/>
      </c>
      <c r="L560" s="117"/>
    </row>
    <row r="561" spans="1:12" s="115" customFormat="1" ht="70.150000000000006" customHeight="1" x14ac:dyDescent="0.15">
      <c r="A561" s="252" t="s">
        <v>861</v>
      </c>
      <c r="B561" s="119"/>
      <c r="C561" s="327" t="s">
        <v>990</v>
      </c>
      <c r="D561" s="328"/>
      <c r="E561" s="328"/>
      <c r="F561" s="328"/>
      <c r="G561" s="328"/>
      <c r="H561" s="329"/>
      <c r="I561" s="138" t="s">
        <v>365</v>
      </c>
      <c r="J561" s="116">
        <f t="shared" si="23"/>
        <v>0</v>
      </c>
      <c r="K561" s="201" t="str">
        <f t="shared" si="24"/>
        <v/>
      </c>
      <c r="L561" s="117"/>
    </row>
    <row r="562" spans="1:12" s="115" customFormat="1" ht="42.75" x14ac:dyDescent="0.15">
      <c r="A562" s="252" t="s">
        <v>862</v>
      </c>
      <c r="B562" s="119"/>
      <c r="C562" s="324" t="s">
        <v>366</v>
      </c>
      <c r="D562" s="325"/>
      <c r="E562" s="325"/>
      <c r="F562" s="325"/>
      <c r="G562" s="325"/>
      <c r="H562" s="326"/>
      <c r="I562" s="138" t="s">
        <v>367</v>
      </c>
      <c r="J562" s="116">
        <f t="shared" si="23"/>
        <v>0</v>
      </c>
      <c r="K562" s="201" t="str">
        <f t="shared" si="24"/>
        <v/>
      </c>
      <c r="L562" s="117"/>
    </row>
    <row r="563" spans="1:12" s="115" customFormat="1" ht="70.150000000000006" customHeight="1" x14ac:dyDescent="0.15">
      <c r="A563" s="252" t="s">
        <v>863</v>
      </c>
      <c r="B563" s="119"/>
      <c r="C563" s="324" t="s">
        <v>368</v>
      </c>
      <c r="D563" s="325"/>
      <c r="E563" s="325"/>
      <c r="F563" s="325"/>
      <c r="G563" s="325"/>
      <c r="H563" s="326"/>
      <c r="I563" s="138" t="s">
        <v>369</v>
      </c>
      <c r="J563" s="116">
        <f t="shared" si="23"/>
        <v>0</v>
      </c>
      <c r="K563" s="201" t="str">
        <f t="shared" si="24"/>
        <v/>
      </c>
      <c r="L563" s="117"/>
    </row>
    <row r="564" spans="1:12" s="115" customFormat="1" ht="70.150000000000006" customHeight="1" x14ac:dyDescent="0.15">
      <c r="A564" s="252" t="s">
        <v>864</v>
      </c>
      <c r="B564" s="119"/>
      <c r="C564" s="324" t="s">
        <v>370</v>
      </c>
      <c r="D564" s="325"/>
      <c r="E564" s="325"/>
      <c r="F564" s="325"/>
      <c r="G564" s="325"/>
      <c r="H564" s="326"/>
      <c r="I564" s="138" t="s">
        <v>371</v>
      </c>
      <c r="J564" s="116">
        <f t="shared" si="23"/>
        <v>0</v>
      </c>
      <c r="K564" s="201" t="str">
        <f t="shared" si="24"/>
        <v/>
      </c>
      <c r="L564" s="117"/>
    </row>
    <row r="565" spans="1:12" s="115" customFormat="1" ht="70.150000000000006" customHeight="1" x14ac:dyDescent="0.15">
      <c r="A565" s="252" t="s">
        <v>865</v>
      </c>
      <c r="B565" s="119"/>
      <c r="C565" s="324" t="s">
        <v>372</v>
      </c>
      <c r="D565" s="325"/>
      <c r="E565" s="325"/>
      <c r="F565" s="325"/>
      <c r="G565" s="325"/>
      <c r="H565" s="326"/>
      <c r="I565" s="138" t="s">
        <v>373</v>
      </c>
      <c r="J565" s="116">
        <f t="shared" si="23"/>
        <v>0</v>
      </c>
      <c r="K565" s="201" t="str">
        <f t="shared" si="24"/>
        <v/>
      </c>
      <c r="L565" s="117"/>
    </row>
    <row r="566" spans="1:12" s="115" customFormat="1" ht="113.65" customHeight="1" x14ac:dyDescent="0.15">
      <c r="A566" s="251" t="s">
        <v>867</v>
      </c>
      <c r="B566" s="119"/>
      <c r="C566" s="327" t="s">
        <v>866</v>
      </c>
      <c r="D566" s="328"/>
      <c r="E566" s="328"/>
      <c r="F566" s="328"/>
      <c r="G566" s="328"/>
      <c r="H566" s="329"/>
      <c r="I566" s="295" t="s">
        <v>1032</v>
      </c>
      <c r="J566" s="223"/>
      <c r="K566" s="242"/>
      <c r="L566" s="211" t="s">
        <v>1050</v>
      </c>
    </row>
    <row r="567" spans="1:12" s="91" customFormat="1" ht="65.099999999999994" customHeight="1" x14ac:dyDescent="0.15">
      <c r="A567" s="243"/>
      <c r="B567" s="119"/>
      <c r="C567" s="332" t="s">
        <v>1013</v>
      </c>
      <c r="D567" s="333"/>
      <c r="E567" s="333"/>
      <c r="F567" s="333"/>
      <c r="G567" s="333"/>
      <c r="H567" s="334"/>
      <c r="I567" s="335" t="s">
        <v>375</v>
      </c>
      <c r="J567" s="207"/>
      <c r="K567" s="208"/>
      <c r="L567" s="124"/>
    </row>
    <row r="568" spans="1:12" s="91" customFormat="1" ht="34.5" customHeight="1" x14ac:dyDescent="0.15">
      <c r="A568" s="251" t="s">
        <v>869</v>
      </c>
      <c r="B568" s="119"/>
      <c r="C568" s="209"/>
      <c r="D568" s="340" t="s">
        <v>376</v>
      </c>
      <c r="E568" s="351"/>
      <c r="F568" s="351"/>
      <c r="G568" s="351"/>
      <c r="H568" s="341"/>
      <c r="I568" s="352"/>
      <c r="J568" s="207"/>
      <c r="K568" s="210"/>
      <c r="L568" s="211" t="s">
        <v>533</v>
      </c>
    </row>
    <row r="569" spans="1:12" s="91" customFormat="1" ht="34.5" customHeight="1" x14ac:dyDescent="0.15">
      <c r="A569" s="251" t="s">
        <v>870</v>
      </c>
      <c r="B569" s="119"/>
      <c r="C569" s="209"/>
      <c r="D569" s="340" t="s">
        <v>377</v>
      </c>
      <c r="E569" s="351"/>
      <c r="F569" s="351"/>
      <c r="G569" s="351"/>
      <c r="H569" s="341"/>
      <c r="I569" s="352"/>
      <c r="J569" s="207"/>
      <c r="K569" s="210"/>
      <c r="L569" s="211" t="s">
        <v>533</v>
      </c>
    </row>
    <row r="570" spans="1:12" s="91" customFormat="1" ht="34.5" customHeight="1" x14ac:dyDescent="0.15">
      <c r="A570" s="251" t="s">
        <v>871</v>
      </c>
      <c r="B570" s="119"/>
      <c r="C570" s="209"/>
      <c r="D570" s="340" t="s">
        <v>991</v>
      </c>
      <c r="E570" s="351"/>
      <c r="F570" s="351"/>
      <c r="G570" s="351"/>
      <c r="H570" s="341"/>
      <c r="I570" s="352"/>
      <c r="J570" s="207"/>
      <c r="K570" s="210"/>
      <c r="L570" s="211" t="s">
        <v>533</v>
      </c>
    </row>
    <row r="571" spans="1:12" s="91" customFormat="1" ht="34.5" customHeight="1" x14ac:dyDescent="0.15">
      <c r="A571" s="251" t="s">
        <v>872</v>
      </c>
      <c r="B571" s="119"/>
      <c r="C571" s="209"/>
      <c r="D571" s="340" t="s">
        <v>379</v>
      </c>
      <c r="E571" s="351"/>
      <c r="F571" s="351"/>
      <c r="G571" s="351"/>
      <c r="H571" s="341"/>
      <c r="I571" s="352"/>
      <c r="J571" s="207"/>
      <c r="K571" s="210"/>
      <c r="L571" s="211" t="s">
        <v>533</v>
      </c>
    </row>
    <row r="572" spans="1:12" s="91" customFormat="1" ht="34.5" customHeight="1" x14ac:dyDescent="0.15">
      <c r="A572" s="251" t="s">
        <v>873</v>
      </c>
      <c r="B572" s="119"/>
      <c r="C572" s="209"/>
      <c r="D572" s="340" t="s">
        <v>380</v>
      </c>
      <c r="E572" s="351"/>
      <c r="F572" s="351"/>
      <c r="G572" s="351"/>
      <c r="H572" s="341"/>
      <c r="I572" s="352"/>
      <c r="J572" s="207"/>
      <c r="K572" s="210"/>
      <c r="L572" s="211" t="s">
        <v>533</v>
      </c>
    </row>
    <row r="573" spans="1:12" s="91" customFormat="1" ht="34.5" customHeight="1" x14ac:dyDescent="0.15">
      <c r="A573" s="251" t="s">
        <v>874</v>
      </c>
      <c r="B573" s="119"/>
      <c r="C573" s="280"/>
      <c r="D573" s="340" t="s">
        <v>868</v>
      </c>
      <c r="E573" s="351"/>
      <c r="F573" s="351"/>
      <c r="G573" s="351"/>
      <c r="H573" s="341"/>
      <c r="I573" s="352"/>
      <c r="J573" s="207"/>
      <c r="K573" s="210"/>
      <c r="L573" s="211" t="s">
        <v>533</v>
      </c>
    </row>
    <row r="574" spans="1:12" s="91" customFormat="1" ht="34.5" customHeight="1" x14ac:dyDescent="0.15">
      <c r="A574" s="251" t="s">
        <v>875</v>
      </c>
      <c r="B574" s="119"/>
      <c r="C574" s="284"/>
      <c r="D574" s="340" t="s">
        <v>992</v>
      </c>
      <c r="E574" s="351"/>
      <c r="F574" s="351"/>
      <c r="G574" s="351"/>
      <c r="H574" s="341"/>
      <c r="I574" s="352"/>
      <c r="J574" s="213"/>
      <c r="K574" s="214"/>
      <c r="L574" s="211" t="s">
        <v>533</v>
      </c>
    </row>
    <row r="575" spans="1:12" s="91" customFormat="1" ht="42.75" customHeight="1" x14ac:dyDescent="0.15">
      <c r="A575" s="243"/>
      <c r="B575" s="119"/>
      <c r="C575" s="332" t="s">
        <v>1014</v>
      </c>
      <c r="D575" s="333"/>
      <c r="E575" s="333"/>
      <c r="F575" s="333"/>
      <c r="G575" s="333"/>
      <c r="H575" s="334"/>
      <c r="I575" s="352"/>
      <c r="J575" s="207"/>
      <c r="K575" s="208"/>
      <c r="L575" s="124"/>
    </row>
    <row r="576" spans="1:12" s="91" customFormat="1" ht="34.5" customHeight="1" x14ac:dyDescent="0.15">
      <c r="A576" s="251" t="s">
        <v>876</v>
      </c>
      <c r="B576" s="119"/>
      <c r="C576" s="209"/>
      <c r="D576" s="340" t="s">
        <v>376</v>
      </c>
      <c r="E576" s="351"/>
      <c r="F576" s="351"/>
      <c r="G576" s="351"/>
      <c r="H576" s="341"/>
      <c r="I576" s="352"/>
      <c r="J576" s="207"/>
      <c r="K576" s="210"/>
      <c r="L576" s="211" t="s">
        <v>533</v>
      </c>
    </row>
    <row r="577" spans="1:12" s="91" customFormat="1" ht="34.5" customHeight="1" x14ac:dyDescent="0.15">
      <c r="A577" s="251" t="s">
        <v>877</v>
      </c>
      <c r="B577" s="119"/>
      <c r="C577" s="209"/>
      <c r="D577" s="340" t="s">
        <v>377</v>
      </c>
      <c r="E577" s="351"/>
      <c r="F577" s="351"/>
      <c r="G577" s="351"/>
      <c r="H577" s="341"/>
      <c r="I577" s="352"/>
      <c r="J577" s="207"/>
      <c r="K577" s="210"/>
      <c r="L577" s="211" t="s">
        <v>533</v>
      </c>
    </row>
    <row r="578" spans="1:12" s="91" customFormat="1" ht="34.5" customHeight="1" x14ac:dyDescent="0.15">
      <c r="A578" s="251" t="s">
        <v>878</v>
      </c>
      <c r="B578" s="119"/>
      <c r="C578" s="209"/>
      <c r="D578" s="340" t="s">
        <v>991</v>
      </c>
      <c r="E578" s="351"/>
      <c r="F578" s="351"/>
      <c r="G578" s="351"/>
      <c r="H578" s="341"/>
      <c r="I578" s="352"/>
      <c r="J578" s="207"/>
      <c r="K578" s="210"/>
      <c r="L578" s="211" t="s">
        <v>533</v>
      </c>
    </row>
    <row r="579" spans="1:12" s="91" customFormat="1" ht="34.5" customHeight="1" x14ac:dyDescent="0.15">
      <c r="A579" s="251" t="s">
        <v>879</v>
      </c>
      <c r="B579" s="119"/>
      <c r="C579" s="209"/>
      <c r="D579" s="340" t="s">
        <v>379</v>
      </c>
      <c r="E579" s="351"/>
      <c r="F579" s="351"/>
      <c r="G579" s="351"/>
      <c r="H579" s="341"/>
      <c r="I579" s="352"/>
      <c r="J579" s="207"/>
      <c r="K579" s="210"/>
      <c r="L579" s="211" t="s">
        <v>533</v>
      </c>
    </row>
    <row r="580" spans="1:12" s="91" customFormat="1" ht="34.5" customHeight="1" x14ac:dyDescent="0.15">
      <c r="A580" s="251" t="s">
        <v>880</v>
      </c>
      <c r="B580" s="119"/>
      <c r="C580" s="209"/>
      <c r="D580" s="340" t="s">
        <v>380</v>
      </c>
      <c r="E580" s="351"/>
      <c r="F580" s="351"/>
      <c r="G580" s="351"/>
      <c r="H580" s="341"/>
      <c r="I580" s="352"/>
      <c r="J580" s="207"/>
      <c r="K580" s="210"/>
      <c r="L580" s="211" t="s">
        <v>533</v>
      </c>
    </row>
    <row r="581" spans="1:12" s="91" customFormat="1" ht="34.5" customHeight="1" x14ac:dyDescent="0.15">
      <c r="A581" s="251" t="s">
        <v>881</v>
      </c>
      <c r="B581" s="119"/>
      <c r="C581" s="209"/>
      <c r="D581" s="340" t="s">
        <v>868</v>
      </c>
      <c r="E581" s="351"/>
      <c r="F581" s="351"/>
      <c r="G581" s="351"/>
      <c r="H581" s="341"/>
      <c r="I581" s="352"/>
      <c r="J581" s="207"/>
      <c r="K581" s="210"/>
      <c r="L581" s="211" t="s">
        <v>533</v>
      </c>
    </row>
    <row r="582" spans="1:12" s="91" customFormat="1" ht="34.5" customHeight="1" x14ac:dyDescent="0.15">
      <c r="A582" s="251" t="s">
        <v>882</v>
      </c>
      <c r="B582" s="119"/>
      <c r="C582" s="212"/>
      <c r="D582" s="340" t="s">
        <v>992</v>
      </c>
      <c r="E582" s="351"/>
      <c r="F582" s="351"/>
      <c r="G582" s="351"/>
      <c r="H582" s="341"/>
      <c r="I582" s="352"/>
      <c r="J582" s="213"/>
      <c r="K582" s="214"/>
      <c r="L582" s="211" t="s">
        <v>533</v>
      </c>
    </row>
    <row r="583" spans="1:12" s="91" customFormat="1" ht="42.75" customHeight="1" x14ac:dyDescent="0.15">
      <c r="A583" s="243"/>
      <c r="B583" s="119"/>
      <c r="C583" s="332" t="s">
        <v>384</v>
      </c>
      <c r="D583" s="333"/>
      <c r="E583" s="333"/>
      <c r="F583" s="333"/>
      <c r="G583" s="333"/>
      <c r="H583" s="334"/>
      <c r="I583" s="352"/>
      <c r="J583" s="215"/>
      <c r="K583" s="208"/>
      <c r="L583" s="124"/>
    </row>
    <row r="584" spans="1:12" s="91" customFormat="1" ht="34.5" customHeight="1" x14ac:dyDescent="0.15">
      <c r="A584" s="251" t="s">
        <v>883</v>
      </c>
      <c r="B584" s="119"/>
      <c r="C584" s="209"/>
      <c r="D584" s="340" t="s">
        <v>376</v>
      </c>
      <c r="E584" s="351"/>
      <c r="F584" s="351"/>
      <c r="G584" s="351"/>
      <c r="H584" s="341"/>
      <c r="I584" s="352"/>
      <c r="J584" s="207"/>
      <c r="K584" s="210"/>
      <c r="L584" s="211" t="s">
        <v>533</v>
      </c>
    </row>
    <row r="585" spans="1:12" s="91" customFormat="1" ht="34.5" customHeight="1" x14ac:dyDescent="0.15">
      <c r="A585" s="251" t="s">
        <v>884</v>
      </c>
      <c r="B585" s="119"/>
      <c r="C585" s="209"/>
      <c r="D585" s="340" t="s">
        <v>377</v>
      </c>
      <c r="E585" s="351"/>
      <c r="F585" s="351"/>
      <c r="G585" s="351"/>
      <c r="H585" s="341"/>
      <c r="I585" s="352"/>
      <c r="J585" s="207"/>
      <c r="K585" s="210"/>
      <c r="L585" s="211" t="s">
        <v>533</v>
      </c>
    </row>
    <row r="586" spans="1:12" s="91" customFormat="1" ht="34.5" customHeight="1" x14ac:dyDescent="0.15">
      <c r="A586" s="251" t="s">
        <v>885</v>
      </c>
      <c r="B586" s="119"/>
      <c r="C586" s="209"/>
      <c r="D586" s="340" t="s">
        <v>991</v>
      </c>
      <c r="E586" s="351"/>
      <c r="F586" s="351"/>
      <c r="G586" s="351"/>
      <c r="H586" s="341"/>
      <c r="I586" s="352"/>
      <c r="J586" s="207"/>
      <c r="K586" s="210"/>
      <c r="L586" s="211" t="s">
        <v>533</v>
      </c>
    </row>
    <row r="587" spans="1:12" s="91" customFormat="1" ht="34.5" customHeight="1" x14ac:dyDescent="0.15">
      <c r="A587" s="251" t="s">
        <v>886</v>
      </c>
      <c r="B587" s="119"/>
      <c r="C587" s="209"/>
      <c r="D587" s="340" t="s">
        <v>379</v>
      </c>
      <c r="E587" s="351"/>
      <c r="F587" s="351"/>
      <c r="G587" s="351"/>
      <c r="H587" s="341"/>
      <c r="I587" s="352"/>
      <c r="J587" s="207"/>
      <c r="K587" s="210"/>
      <c r="L587" s="211" t="s">
        <v>533</v>
      </c>
    </row>
    <row r="588" spans="1:12" s="91" customFormat="1" ht="34.5" customHeight="1" x14ac:dyDescent="0.15">
      <c r="A588" s="251" t="s">
        <v>887</v>
      </c>
      <c r="B588" s="119"/>
      <c r="C588" s="209"/>
      <c r="D588" s="340" t="s">
        <v>380</v>
      </c>
      <c r="E588" s="351"/>
      <c r="F588" s="351"/>
      <c r="G588" s="351"/>
      <c r="H588" s="341"/>
      <c r="I588" s="352"/>
      <c r="J588" s="207"/>
      <c r="K588" s="210"/>
      <c r="L588" s="211" t="s">
        <v>533</v>
      </c>
    </row>
    <row r="589" spans="1:12" s="91" customFormat="1" ht="34.5" customHeight="1" x14ac:dyDescent="0.15">
      <c r="A589" s="251" t="s">
        <v>888</v>
      </c>
      <c r="B589" s="119"/>
      <c r="C589" s="209"/>
      <c r="D589" s="340" t="s">
        <v>868</v>
      </c>
      <c r="E589" s="351"/>
      <c r="F589" s="351"/>
      <c r="G589" s="351"/>
      <c r="H589" s="341"/>
      <c r="I589" s="352"/>
      <c r="J589" s="207"/>
      <c r="K589" s="210"/>
      <c r="L589" s="211" t="s">
        <v>533</v>
      </c>
    </row>
    <row r="590" spans="1:12" s="91" customFormat="1" ht="34.5" customHeight="1" x14ac:dyDescent="0.15">
      <c r="A590" s="251" t="s">
        <v>889</v>
      </c>
      <c r="B590" s="119"/>
      <c r="C590" s="212"/>
      <c r="D590" s="340" t="s">
        <v>992</v>
      </c>
      <c r="E590" s="351"/>
      <c r="F590" s="351"/>
      <c r="G590" s="351"/>
      <c r="H590" s="341"/>
      <c r="I590" s="353"/>
      <c r="J590" s="213"/>
      <c r="K590" s="214"/>
      <c r="L590" s="211" t="s">
        <v>533</v>
      </c>
    </row>
    <row r="591" spans="1:12" s="91" customFormat="1" x14ac:dyDescent="0.15">
      <c r="A591" s="243"/>
      <c r="B591" s="18"/>
      <c r="C591" s="18"/>
      <c r="D591" s="18"/>
      <c r="E591" s="18"/>
      <c r="F591" s="18"/>
      <c r="G591" s="18"/>
      <c r="H591" s="14"/>
      <c r="I591" s="14"/>
      <c r="J591" s="88"/>
      <c r="K591" s="89"/>
      <c r="L591" s="90"/>
    </row>
    <row r="592" spans="1:12" s="83" customFormat="1" x14ac:dyDescent="0.15">
      <c r="A592" s="243"/>
      <c r="B592" s="84"/>
      <c r="C592" s="62"/>
      <c r="D592" s="62"/>
      <c r="E592" s="62"/>
      <c r="F592" s="62"/>
      <c r="G592" s="62"/>
      <c r="H592" s="92"/>
      <c r="I592" s="92"/>
      <c r="J592" s="88"/>
      <c r="K592" s="89"/>
      <c r="L592" s="90"/>
    </row>
    <row r="593" spans="1:22" s="91" customFormat="1" x14ac:dyDescent="0.15">
      <c r="A593" s="243"/>
      <c r="B593" s="119"/>
      <c r="C593" s="3"/>
      <c r="D593" s="3"/>
      <c r="E593" s="3"/>
      <c r="F593" s="3"/>
      <c r="G593" s="3"/>
      <c r="H593" s="286"/>
      <c r="I593" s="286"/>
      <c r="J593" s="61"/>
      <c r="K593" s="31"/>
      <c r="L593" s="108"/>
    </row>
    <row r="594" spans="1:22" s="91" customFormat="1" x14ac:dyDescent="0.15">
      <c r="A594" s="243"/>
      <c r="B594" s="18" t="s">
        <v>385</v>
      </c>
      <c r="C594" s="18"/>
      <c r="D594" s="18"/>
      <c r="E594" s="18"/>
      <c r="F594" s="18"/>
      <c r="G594" s="18"/>
      <c r="H594" s="14"/>
      <c r="I594" s="14"/>
      <c r="J594" s="61"/>
      <c r="K594" s="31"/>
      <c r="L594" s="108"/>
    </row>
    <row r="595" spans="1:22" x14ac:dyDescent="0.15">
      <c r="A595" s="243"/>
      <c r="B595" s="18"/>
      <c r="C595" s="18"/>
      <c r="D595" s="18"/>
      <c r="E595" s="18"/>
      <c r="F595" s="18"/>
      <c r="G595" s="18"/>
      <c r="H595" s="14"/>
      <c r="I595" s="14"/>
      <c r="L595" s="76"/>
      <c r="M595" s="8"/>
      <c r="N595" s="8"/>
      <c r="O595" s="8"/>
      <c r="P595" s="8"/>
      <c r="Q595" s="8"/>
      <c r="R595" s="8"/>
      <c r="S595" s="8"/>
      <c r="T595" s="8"/>
      <c r="U595" s="8"/>
      <c r="V595" s="8"/>
    </row>
    <row r="596" spans="1:22" s="1" customFormat="1" ht="34.5" customHeight="1" x14ac:dyDescent="0.15">
      <c r="A596" s="243"/>
      <c r="B596" s="18"/>
      <c r="C596" s="3"/>
      <c r="D596" s="3"/>
      <c r="E596" s="3"/>
      <c r="F596" s="3"/>
      <c r="G596" s="3"/>
      <c r="H596" s="286"/>
      <c r="I596" s="286"/>
      <c r="J596" s="77" t="s">
        <v>35</v>
      </c>
      <c r="K596" s="185"/>
      <c r="L596" s="66" t="s">
        <v>1051</v>
      </c>
    </row>
    <row r="597" spans="1:22" s="1" customFormat="1" ht="20.25" customHeight="1" x14ac:dyDescent="0.15">
      <c r="A597" s="243"/>
      <c r="C597" s="62"/>
      <c r="D597" s="3"/>
      <c r="E597" s="3"/>
      <c r="F597" s="3"/>
      <c r="G597" s="3"/>
      <c r="H597" s="286"/>
      <c r="I597" s="67" t="s">
        <v>36</v>
      </c>
      <c r="J597" s="68"/>
      <c r="K597" s="186"/>
      <c r="L597" s="70" t="s">
        <v>1052</v>
      </c>
    </row>
    <row r="598" spans="1:22" s="115" customFormat="1" ht="70.150000000000006" customHeight="1" x14ac:dyDescent="0.15">
      <c r="A598" s="252" t="s">
        <v>890</v>
      </c>
      <c r="C598" s="324" t="s">
        <v>386</v>
      </c>
      <c r="D598" s="325"/>
      <c r="E598" s="325"/>
      <c r="F598" s="325"/>
      <c r="G598" s="325"/>
      <c r="H598" s="326"/>
      <c r="I598" s="134" t="s">
        <v>387</v>
      </c>
      <c r="J598" s="116">
        <f>IF(SUM(L598:L598)=0,IF(COUNTIF(L598:L598,"未確認")&gt;0,"未確認",IF(COUNTIF(L598:L598,"~*")&gt;0,"*",SUM(L598:L598))),SUM(L598:L598))</f>
        <v>0</v>
      </c>
      <c r="K598" s="201" t="str">
        <f>IF(OR(COUNTIF(L598:L598,"未確認")&gt;0,COUNTIF(L598:L598,"*")&gt;0),"※","")</f>
        <v/>
      </c>
      <c r="L598" s="117"/>
    </row>
    <row r="599" spans="1:22" s="115" customFormat="1" ht="70.150000000000006" customHeight="1" x14ac:dyDescent="0.15">
      <c r="A599" s="252" t="s">
        <v>891</v>
      </c>
      <c r="B599" s="84"/>
      <c r="C599" s="324" t="s">
        <v>388</v>
      </c>
      <c r="D599" s="325"/>
      <c r="E599" s="325"/>
      <c r="F599" s="325"/>
      <c r="G599" s="325"/>
      <c r="H599" s="326"/>
      <c r="I599" s="134" t="s">
        <v>389</v>
      </c>
      <c r="J599" s="116">
        <f>IF(SUM(L599:L599)=0,IF(COUNTIF(L599:L599,"未確認")&gt;0,"未確認",IF(COUNTIF(L599:L599,"~*")&gt;0,"*",SUM(L599:L599))),SUM(L599:L599))</f>
        <v>0</v>
      </c>
      <c r="K599" s="201" t="str">
        <f>IF(OR(COUNTIF(L599:L599,"未確認")&gt;0,COUNTIF(L599:L599,"*")&gt;0),"※","")</f>
        <v/>
      </c>
      <c r="L599" s="117"/>
    </row>
    <row r="600" spans="1:22" s="115" customFormat="1" ht="72" customHeight="1" x14ac:dyDescent="0.15">
      <c r="A600" s="252" t="s">
        <v>973</v>
      </c>
      <c r="B600" s="84"/>
      <c r="C600" s="324" t="s">
        <v>390</v>
      </c>
      <c r="D600" s="325"/>
      <c r="E600" s="325"/>
      <c r="F600" s="325"/>
      <c r="G600" s="325"/>
      <c r="H600" s="326"/>
      <c r="I600" s="134" t="s">
        <v>391</v>
      </c>
      <c r="J600" s="116">
        <f>IF(SUM(L600:L600)=0,IF(COUNTIF(L600:L600,"未確認")&gt;0,"未確認",IF(COUNTIF(L600:L600,"~*")&gt;0,"*",SUM(L600:L600))),SUM(L600:L600))</f>
        <v>0</v>
      </c>
      <c r="K600" s="201" t="str">
        <f>IF(OR(COUNTIF(L600:L600,"未確認")&gt;0,COUNTIF(L600:L600,"*")&gt;0),"※","")</f>
        <v/>
      </c>
      <c r="L600" s="117"/>
    </row>
    <row r="601" spans="1:22" s="115" customFormat="1" ht="56.1" customHeight="1" x14ac:dyDescent="0.15">
      <c r="A601" s="252" t="s">
        <v>892</v>
      </c>
      <c r="B601" s="84"/>
      <c r="C601" s="324" t="s">
        <v>392</v>
      </c>
      <c r="D601" s="325"/>
      <c r="E601" s="325"/>
      <c r="F601" s="325"/>
      <c r="G601" s="325"/>
      <c r="H601" s="326"/>
      <c r="I601" s="293" t="s">
        <v>393</v>
      </c>
      <c r="J601" s="116">
        <f>IF(SUM(L601:L601)=0,IF(COUNTIF(L601:L601,"未確認")&gt;0,"未確認",IF(COUNTIF(L601:L601,"~*")&gt;0,"*",SUM(L601:L601))),SUM(L601:L601))</f>
        <v>0</v>
      </c>
      <c r="K601" s="201" t="str">
        <f>IF(OR(COUNTIF(L601:L601,"未確認")&gt;0,COUNTIF(L601:L601,"*")&gt;0),"※","")</f>
        <v/>
      </c>
      <c r="L601" s="117"/>
    </row>
    <row r="602" spans="1:22" s="115" customFormat="1" ht="84" customHeight="1" x14ac:dyDescent="0.15">
      <c r="A602" s="252" t="s">
        <v>893</v>
      </c>
      <c r="B602" s="84"/>
      <c r="C602" s="324" t="s">
        <v>394</v>
      </c>
      <c r="D602" s="325"/>
      <c r="E602" s="325"/>
      <c r="F602" s="325"/>
      <c r="G602" s="325"/>
      <c r="H602" s="326"/>
      <c r="I602" s="134" t="s">
        <v>395</v>
      </c>
      <c r="J602" s="116">
        <f>IF(SUM(L602:L602)=0,IF(COUNTIF(L602:L602,"未確認")&gt;0,"未確認",IF(COUNTIF(L602:L602,"~*")&gt;0,"*",SUM(L602:L602))),SUM(L602:L602))</f>
        <v>0</v>
      </c>
      <c r="K602" s="201" t="str">
        <f>IF(OR(COUNTIF(L602:L602,"未確認")&gt;0,COUNTIF(L602:L602,"*")&gt;0),"※","")</f>
        <v/>
      </c>
      <c r="L602" s="117"/>
    </row>
    <row r="603" spans="1:22" s="115" customFormat="1" ht="35.1" customHeight="1" x14ac:dyDescent="0.15">
      <c r="A603" s="251" t="s">
        <v>894</v>
      </c>
      <c r="B603" s="84"/>
      <c r="C603" s="332" t="s">
        <v>993</v>
      </c>
      <c r="D603" s="333"/>
      <c r="E603" s="333"/>
      <c r="F603" s="333"/>
      <c r="G603" s="333"/>
      <c r="H603" s="334"/>
      <c r="I603" s="349" t="s">
        <v>397</v>
      </c>
      <c r="J603" s="140">
        <v>10</v>
      </c>
      <c r="K603" s="201" t="str">
        <f>IF(OR(COUNTIF(L603:L603,"未確認")&gt;0,COUNTIF(L603:L603,"~*")&gt;0),"※","")</f>
        <v/>
      </c>
      <c r="L603" s="216"/>
    </row>
    <row r="604" spans="1:22" s="115" customFormat="1" ht="35.1" customHeight="1" x14ac:dyDescent="0.15">
      <c r="A604" s="251" t="s">
        <v>895</v>
      </c>
      <c r="B604" s="84"/>
      <c r="C604" s="291"/>
      <c r="D604" s="292"/>
      <c r="E604" s="327" t="s">
        <v>398</v>
      </c>
      <c r="F604" s="328"/>
      <c r="G604" s="328"/>
      <c r="H604" s="329"/>
      <c r="I604" s="350"/>
      <c r="J604" s="140"/>
      <c r="K604" s="201" t="str">
        <f>IF(OR(COUNTIF(L604:L604,"未確認")&gt;0,COUNTIF(L604:L604,"~*")&gt;0),"※","")</f>
        <v/>
      </c>
      <c r="L604" s="216"/>
    </row>
    <row r="605" spans="1:22" s="115" customFormat="1" ht="35.1" customHeight="1" x14ac:dyDescent="0.15">
      <c r="A605" s="251" t="s">
        <v>896</v>
      </c>
      <c r="B605" s="84"/>
      <c r="C605" s="332" t="s">
        <v>994</v>
      </c>
      <c r="D605" s="333"/>
      <c r="E605" s="333"/>
      <c r="F605" s="333"/>
      <c r="G605" s="333"/>
      <c r="H605" s="334"/>
      <c r="I605" s="335" t="s">
        <v>400</v>
      </c>
      <c r="J605" s="140" t="s">
        <v>540</v>
      </c>
      <c r="K605" s="201" t="str">
        <f>IF(OR(COUNTIF(L605:L605,"未確認")&gt;0,COUNTIF(L605:L605,"~*")&gt;0),"※","")</f>
        <v/>
      </c>
      <c r="L605" s="216"/>
    </row>
    <row r="606" spans="1:22" s="115" customFormat="1" ht="35.1" customHeight="1" x14ac:dyDescent="0.15">
      <c r="A606" s="251" t="s">
        <v>897</v>
      </c>
      <c r="B606" s="84"/>
      <c r="C606" s="291"/>
      <c r="D606" s="292"/>
      <c r="E606" s="327" t="s">
        <v>398</v>
      </c>
      <c r="F606" s="328"/>
      <c r="G606" s="328"/>
      <c r="H606" s="329"/>
      <c r="I606" s="337"/>
      <c r="J606" s="140"/>
      <c r="K606" s="201" t="str">
        <f>IF(OR(COUNTIF(L606:L606,"未確認")&gt;0,COUNTIF(L606:L606,"~*")&gt;0),"※","")</f>
        <v/>
      </c>
      <c r="L606" s="216"/>
    </row>
    <row r="607" spans="1:22" s="115" customFormat="1" ht="42" customHeight="1" x14ac:dyDescent="0.15">
      <c r="A607" s="251" t="s">
        <v>898</v>
      </c>
      <c r="B607" s="84"/>
      <c r="C607" s="327" t="s">
        <v>995</v>
      </c>
      <c r="D607" s="328"/>
      <c r="E607" s="328"/>
      <c r="F607" s="328"/>
      <c r="G607" s="328"/>
      <c r="H607" s="329"/>
      <c r="I607" s="122" t="s">
        <v>402</v>
      </c>
      <c r="J607" s="116"/>
      <c r="K607" s="201" t="str">
        <f>IF(OR(COUNTIF(L607:L607,"未確認")&gt;0,COUNTIF(L607:L607,"~*")&gt;0),"※","")</f>
        <v/>
      </c>
      <c r="L607" s="216"/>
    </row>
    <row r="608" spans="1:22" s="115" customFormat="1" ht="56.1" customHeight="1" x14ac:dyDescent="0.15">
      <c r="A608" s="252" t="s">
        <v>899</v>
      </c>
      <c r="B608" s="84"/>
      <c r="C608" s="324" t="s">
        <v>403</v>
      </c>
      <c r="D608" s="325"/>
      <c r="E608" s="325"/>
      <c r="F608" s="325"/>
      <c r="G608" s="325"/>
      <c r="H608" s="326"/>
      <c r="I608" s="122" t="s">
        <v>404</v>
      </c>
      <c r="J608" s="116">
        <f t="shared" ref="J608:J613" si="25">IF(SUM(L608:L608)=0,IF(COUNTIF(L608:L608,"未確認")&gt;0,"未確認",IF(COUNTIF(L608:L608,"~*")&gt;0,"*",SUM(L608:L608))),SUM(L608:L608))</f>
        <v>0</v>
      </c>
      <c r="K608" s="201" t="str">
        <f t="shared" ref="K608:K613" si="26">IF(OR(COUNTIF(L608:L608,"未確認")&gt;0,COUNTIF(L608:L608,"*")&gt;0),"※","")</f>
        <v/>
      </c>
      <c r="L608" s="117"/>
    </row>
    <row r="609" spans="1:22" s="115" customFormat="1" ht="56.1" customHeight="1" x14ac:dyDescent="0.15">
      <c r="A609" s="252" t="s">
        <v>900</v>
      </c>
      <c r="B609" s="84"/>
      <c r="C609" s="324" t="s">
        <v>405</v>
      </c>
      <c r="D609" s="325"/>
      <c r="E609" s="325"/>
      <c r="F609" s="325"/>
      <c r="G609" s="325"/>
      <c r="H609" s="326"/>
      <c r="I609" s="122" t="s">
        <v>406</v>
      </c>
      <c r="J609" s="116">
        <f t="shared" si="25"/>
        <v>0</v>
      </c>
      <c r="K609" s="201" t="str">
        <f t="shared" si="26"/>
        <v/>
      </c>
      <c r="L609" s="117"/>
    </row>
    <row r="610" spans="1:22" s="91" customFormat="1" ht="56.1" customHeight="1" x14ac:dyDescent="0.15">
      <c r="A610" s="252" t="s">
        <v>901</v>
      </c>
      <c r="B610" s="84"/>
      <c r="C610" s="324" t="s">
        <v>407</v>
      </c>
      <c r="D610" s="325"/>
      <c r="E610" s="325"/>
      <c r="F610" s="325"/>
      <c r="G610" s="325"/>
      <c r="H610" s="326"/>
      <c r="I610" s="122" t="s">
        <v>408</v>
      </c>
      <c r="J610" s="116">
        <f t="shared" si="25"/>
        <v>0</v>
      </c>
      <c r="K610" s="201" t="str">
        <f t="shared" si="26"/>
        <v/>
      </c>
      <c r="L610" s="117"/>
    </row>
    <row r="611" spans="1:22" s="91" customFormat="1" ht="56.1" customHeight="1" x14ac:dyDescent="0.15">
      <c r="A611" s="252" t="s">
        <v>902</v>
      </c>
      <c r="B611" s="84"/>
      <c r="C611" s="324" t="s">
        <v>409</v>
      </c>
      <c r="D611" s="325"/>
      <c r="E611" s="325"/>
      <c r="F611" s="325"/>
      <c r="G611" s="325"/>
      <c r="H611" s="326"/>
      <c r="I611" s="122" t="s">
        <v>410</v>
      </c>
      <c r="J611" s="116">
        <f t="shared" si="25"/>
        <v>0</v>
      </c>
      <c r="K611" s="201" t="str">
        <f t="shared" si="26"/>
        <v/>
      </c>
      <c r="L611" s="117"/>
    </row>
    <row r="612" spans="1:22" s="91" customFormat="1" ht="42" customHeight="1" x14ac:dyDescent="0.15">
      <c r="A612" s="252" t="s">
        <v>903</v>
      </c>
      <c r="B612" s="84"/>
      <c r="C612" s="324" t="s">
        <v>411</v>
      </c>
      <c r="D612" s="325"/>
      <c r="E612" s="325"/>
      <c r="F612" s="325"/>
      <c r="G612" s="325"/>
      <c r="H612" s="326"/>
      <c r="I612" s="218" t="s">
        <v>412</v>
      </c>
      <c r="J612" s="116">
        <f t="shared" si="25"/>
        <v>0</v>
      </c>
      <c r="K612" s="201" t="str">
        <f t="shared" si="26"/>
        <v/>
      </c>
      <c r="L612" s="117"/>
    </row>
    <row r="613" spans="1:22" s="91" customFormat="1" ht="56.1" customHeight="1" x14ac:dyDescent="0.15">
      <c r="A613" s="252" t="s">
        <v>904</v>
      </c>
      <c r="B613" s="84"/>
      <c r="C613" s="324" t="s">
        <v>413</v>
      </c>
      <c r="D613" s="325"/>
      <c r="E613" s="325"/>
      <c r="F613" s="325"/>
      <c r="G613" s="325"/>
      <c r="H613" s="326"/>
      <c r="I613" s="122" t="s">
        <v>414</v>
      </c>
      <c r="J613" s="116">
        <f t="shared" si="25"/>
        <v>0</v>
      </c>
      <c r="K613" s="201" t="str">
        <f t="shared" si="26"/>
        <v/>
      </c>
      <c r="L613" s="117"/>
    </row>
    <row r="614" spans="1:22" s="91" customFormat="1" x14ac:dyDescent="0.15">
      <c r="A614" s="243"/>
      <c r="B614" s="18"/>
      <c r="C614" s="18"/>
      <c r="D614" s="18"/>
      <c r="E614" s="18"/>
      <c r="F614" s="18"/>
      <c r="G614" s="18"/>
      <c r="H614" s="14"/>
      <c r="I614" s="14"/>
      <c r="J614" s="88"/>
      <c r="K614" s="89"/>
      <c r="L614" s="90"/>
    </row>
    <row r="615" spans="1:22" s="83" customFormat="1" x14ac:dyDescent="0.15">
      <c r="A615" s="243"/>
      <c r="B615" s="84"/>
      <c r="C615" s="62"/>
      <c r="D615" s="62"/>
      <c r="E615" s="62"/>
      <c r="F615" s="62"/>
      <c r="G615" s="62"/>
      <c r="H615" s="92"/>
      <c r="I615" s="92"/>
      <c r="J615" s="88"/>
      <c r="K615" s="89"/>
      <c r="L615" s="90"/>
    </row>
    <row r="616" spans="1:22" s="91" customFormat="1" x14ac:dyDescent="0.15">
      <c r="A616" s="243"/>
      <c r="B616" s="84"/>
      <c r="C616" s="3"/>
      <c r="D616" s="3"/>
      <c r="E616" s="135"/>
      <c r="F616" s="135"/>
      <c r="G616" s="135"/>
      <c r="H616" s="136"/>
      <c r="I616" s="136"/>
      <c r="J616" s="88"/>
      <c r="K616" s="89"/>
      <c r="L616" s="90"/>
    </row>
    <row r="617" spans="1:22" s="91" customFormat="1" x14ac:dyDescent="0.15">
      <c r="A617" s="243"/>
      <c r="B617" s="18" t="s">
        <v>415</v>
      </c>
      <c r="C617" s="107"/>
      <c r="D617" s="107"/>
      <c r="E617" s="107"/>
      <c r="F617" s="107"/>
      <c r="G617" s="107"/>
      <c r="H617" s="14"/>
      <c r="I617" s="14"/>
      <c r="J617" s="88"/>
      <c r="K617" s="89"/>
      <c r="L617" s="90"/>
    </row>
    <row r="618" spans="1:22" x14ac:dyDescent="0.15">
      <c r="A618" s="243"/>
      <c r="B618" s="18"/>
      <c r="C618" s="18"/>
      <c r="D618" s="18"/>
      <c r="E618" s="18"/>
      <c r="F618" s="18"/>
      <c r="G618" s="18"/>
      <c r="H618" s="14"/>
      <c r="I618" s="14"/>
      <c r="L618" s="76"/>
      <c r="M618" s="8"/>
      <c r="N618" s="8"/>
      <c r="O618" s="8"/>
      <c r="P618" s="8"/>
      <c r="Q618" s="8"/>
      <c r="R618" s="8"/>
      <c r="S618" s="8"/>
      <c r="T618" s="8"/>
      <c r="U618" s="8"/>
      <c r="V618" s="8"/>
    </row>
    <row r="619" spans="1:22" ht="34.5" customHeight="1" x14ac:dyDescent="0.15">
      <c r="A619" s="243"/>
      <c r="B619" s="18"/>
      <c r="C619" s="3"/>
      <c r="D619" s="3"/>
      <c r="F619" s="3"/>
      <c r="G619" s="3"/>
      <c r="H619" s="286"/>
      <c r="I619" s="286"/>
      <c r="J619" s="77" t="s">
        <v>35</v>
      </c>
      <c r="K619" s="219"/>
      <c r="L619" s="66" t="s">
        <v>1051</v>
      </c>
      <c r="M619" s="8"/>
      <c r="N619" s="8"/>
      <c r="O619" s="8"/>
      <c r="P619" s="8"/>
      <c r="Q619" s="8"/>
      <c r="R619" s="8"/>
      <c r="S619" s="8"/>
      <c r="T619" s="8"/>
      <c r="U619" s="8"/>
      <c r="V619" s="8"/>
    </row>
    <row r="620" spans="1:22" ht="20.25" customHeight="1" x14ac:dyDescent="0.15">
      <c r="A620" s="243"/>
      <c r="B620" s="1"/>
      <c r="C620" s="62"/>
      <c r="D620" s="3"/>
      <c r="F620" s="3"/>
      <c r="G620" s="3"/>
      <c r="H620" s="286"/>
      <c r="I620" s="67" t="s">
        <v>36</v>
      </c>
      <c r="J620" s="68"/>
      <c r="K620" s="220"/>
      <c r="L620" s="70" t="s">
        <v>1052</v>
      </c>
      <c r="M620" s="8"/>
      <c r="N620" s="8"/>
      <c r="O620" s="8"/>
      <c r="P620" s="8"/>
      <c r="Q620" s="8"/>
      <c r="R620" s="8"/>
      <c r="S620" s="8"/>
      <c r="T620" s="8"/>
      <c r="U620" s="8"/>
      <c r="V620" s="8"/>
    </row>
    <row r="621" spans="1:22" s="118" customFormat="1" ht="71.25" customHeight="1" x14ac:dyDescent="0.15">
      <c r="A621" s="252" t="s">
        <v>905</v>
      </c>
      <c r="B621" s="115"/>
      <c r="C621" s="327" t="s">
        <v>996</v>
      </c>
      <c r="D621" s="328"/>
      <c r="E621" s="328"/>
      <c r="F621" s="328"/>
      <c r="G621" s="328"/>
      <c r="H621" s="329"/>
      <c r="I621" s="346" t="s">
        <v>1021</v>
      </c>
      <c r="J621" s="116">
        <f t="shared" ref="J621:J631" si="27">IF(SUM(L621:L621)=0,IF(COUNTIF(L621:L621,"未確認")&gt;0,"未確認",IF(COUNTIF(L621:L621,"~*")&gt;0,"*",SUM(L621:L621))),SUM(L621:L621))</f>
        <v>0</v>
      </c>
      <c r="K621" s="201" t="str">
        <f t="shared" ref="K621:K631" si="28">IF(OR(COUNTIF(L621:L621,"未確認")&gt;0,COUNTIF(L621:L621,"*")&gt;0),"※","")</f>
        <v/>
      </c>
      <c r="L621" s="117"/>
    </row>
    <row r="622" spans="1:22" s="118" customFormat="1" ht="71.25" customHeight="1" x14ac:dyDescent="0.15">
      <c r="A622" s="252" t="s">
        <v>906</v>
      </c>
      <c r="B622" s="115"/>
      <c r="C622" s="327" t="s">
        <v>997</v>
      </c>
      <c r="D622" s="328"/>
      <c r="E622" s="328"/>
      <c r="F622" s="328"/>
      <c r="G622" s="328"/>
      <c r="H622" s="329"/>
      <c r="I622" s="347"/>
      <c r="J622" s="116">
        <f t="shared" si="27"/>
        <v>0</v>
      </c>
      <c r="K622" s="201" t="str">
        <f t="shared" si="28"/>
        <v/>
      </c>
      <c r="L622" s="117"/>
    </row>
    <row r="623" spans="1:22" s="118" customFormat="1" ht="71.25" customHeight="1" x14ac:dyDescent="0.15">
      <c r="A623" s="252" t="s">
        <v>907</v>
      </c>
      <c r="B623" s="115"/>
      <c r="C623" s="327" t="s">
        <v>974</v>
      </c>
      <c r="D623" s="328"/>
      <c r="E623" s="328"/>
      <c r="F623" s="328"/>
      <c r="G623" s="328"/>
      <c r="H623" s="329"/>
      <c r="I623" s="348"/>
      <c r="J623" s="116">
        <f t="shared" si="27"/>
        <v>0</v>
      </c>
      <c r="K623" s="201" t="str">
        <f t="shared" si="28"/>
        <v/>
      </c>
      <c r="L623" s="117"/>
    </row>
    <row r="624" spans="1:22" s="118" customFormat="1" ht="70.150000000000006" customHeight="1" x14ac:dyDescent="0.15">
      <c r="A624" s="252" t="s">
        <v>908</v>
      </c>
      <c r="B624" s="115"/>
      <c r="C624" s="327" t="s">
        <v>975</v>
      </c>
      <c r="D624" s="328"/>
      <c r="E624" s="328"/>
      <c r="F624" s="328"/>
      <c r="G624" s="328"/>
      <c r="H624" s="329"/>
      <c r="I624" s="298" t="s">
        <v>1022</v>
      </c>
      <c r="J624" s="116">
        <f t="shared" si="27"/>
        <v>0</v>
      </c>
      <c r="K624" s="201" t="str">
        <f t="shared" si="28"/>
        <v/>
      </c>
      <c r="L624" s="117"/>
    </row>
    <row r="625" spans="1:22" s="118" customFormat="1" ht="84" customHeight="1" x14ac:dyDescent="0.15">
      <c r="A625" s="252" t="s">
        <v>909</v>
      </c>
      <c r="B625" s="115"/>
      <c r="C625" s="324" t="s">
        <v>419</v>
      </c>
      <c r="D625" s="325"/>
      <c r="E625" s="325"/>
      <c r="F625" s="325"/>
      <c r="G625" s="325"/>
      <c r="H625" s="326"/>
      <c r="I625" s="122" t="s">
        <v>420</v>
      </c>
      <c r="J625" s="116">
        <f t="shared" si="27"/>
        <v>0</v>
      </c>
      <c r="K625" s="201" t="str">
        <f t="shared" si="28"/>
        <v/>
      </c>
      <c r="L625" s="117"/>
    </row>
    <row r="626" spans="1:22" s="118" customFormat="1" ht="100.35" customHeight="1" x14ac:dyDescent="0.15">
      <c r="A626" s="252" t="s">
        <v>910</v>
      </c>
      <c r="B626" s="115"/>
      <c r="C626" s="327" t="s">
        <v>999</v>
      </c>
      <c r="D626" s="328"/>
      <c r="E626" s="328"/>
      <c r="F626" s="328"/>
      <c r="G626" s="328"/>
      <c r="H626" s="329"/>
      <c r="I626" s="138" t="s">
        <v>1017</v>
      </c>
      <c r="J626" s="116" t="str">
        <f t="shared" si="27"/>
        <v>*</v>
      </c>
      <c r="K626" s="201" t="str">
        <f t="shared" si="28"/>
        <v>※</v>
      </c>
      <c r="L626" s="117" t="s">
        <v>541</v>
      </c>
    </row>
    <row r="627" spans="1:22" s="118" customFormat="1" ht="84" customHeight="1" x14ac:dyDescent="0.15">
      <c r="A627" s="252" t="s">
        <v>911</v>
      </c>
      <c r="B627" s="119"/>
      <c r="C627" s="327" t="s">
        <v>1015</v>
      </c>
      <c r="D627" s="328"/>
      <c r="E627" s="328"/>
      <c r="F627" s="328"/>
      <c r="G627" s="328"/>
      <c r="H627" s="329"/>
      <c r="I627" s="138" t="s">
        <v>1018</v>
      </c>
      <c r="J627" s="116">
        <f t="shared" si="27"/>
        <v>0</v>
      </c>
      <c r="K627" s="201" t="str">
        <f t="shared" si="28"/>
        <v/>
      </c>
      <c r="L627" s="117"/>
    </row>
    <row r="628" spans="1:22" s="118" customFormat="1" ht="98.1" customHeight="1" x14ac:dyDescent="0.15">
      <c r="A628" s="252" t="s">
        <v>912</v>
      </c>
      <c r="B628" s="119"/>
      <c r="C628" s="324" t="s">
        <v>423</v>
      </c>
      <c r="D628" s="325"/>
      <c r="E628" s="325"/>
      <c r="F628" s="325"/>
      <c r="G628" s="325"/>
      <c r="H628" s="326"/>
      <c r="I628" s="122" t="s">
        <v>424</v>
      </c>
      <c r="J628" s="116">
        <f t="shared" si="27"/>
        <v>0</v>
      </c>
      <c r="K628" s="201" t="str">
        <f t="shared" si="28"/>
        <v/>
      </c>
      <c r="L628" s="117"/>
    </row>
    <row r="629" spans="1:22" s="118" customFormat="1" ht="84" customHeight="1" x14ac:dyDescent="0.15">
      <c r="A629" s="252" t="s">
        <v>913</v>
      </c>
      <c r="B629" s="119"/>
      <c r="C629" s="327" t="s">
        <v>998</v>
      </c>
      <c r="D629" s="328"/>
      <c r="E629" s="328"/>
      <c r="F629" s="328"/>
      <c r="G629" s="328"/>
      <c r="H629" s="329"/>
      <c r="I629" s="122" t="s">
        <v>426</v>
      </c>
      <c r="J629" s="116">
        <f t="shared" si="27"/>
        <v>0</v>
      </c>
      <c r="K629" s="201" t="str">
        <f t="shared" si="28"/>
        <v/>
      </c>
      <c r="L629" s="117"/>
    </row>
    <row r="630" spans="1:22" s="118" customFormat="1" ht="70.150000000000006" customHeight="1" x14ac:dyDescent="0.15">
      <c r="A630" s="252" t="s">
        <v>914</v>
      </c>
      <c r="B630" s="119"/>
      <c r="C630" s="324" t="s">
        <v>427</v>
      </c>
      <c r="D630" s="325"/>
      <c r="E630" s="325"/>
      <c r="F630" s="325"/>
      <c r="G630" s="325"/>
      <c r="H630" s="326"/>
      <c r="I630" s="122" t="s">
        <v>428</v>
      </c>
      <c r="J630" s="116">
        <f t="shared" si="27"/>
        <v>0</v>
      </c>
      <c r="K630" s="201" t="str">
        <f t="shared" si="28"/>
        <v/>
      </c>
      <c r="L630" s="117"/>
    </row>
    <row r="631" spans="1:22" s="118" customFormat="1" ht="84" customHeight="1" x14ac:dyDescent="0.15">
      <c r="A631" s="252" t="s">
        <v>915</v>
      </c>
      <c r="B631" s="119"/>
      <c r="C631" s="324" t="s">
        <v>429</v>
      </c>
      <c r="D631" s="325"/>
      <c r="E631" s="325"/>
      <c r="F631" s="325"/>
      <c r="G631" s="325"/>
      <c r="H631" s="326"/>
      <c r="I631" s="122" t="s">
        <v>430</v>
      </c>
      <c r="J631" s="116">
        <f t="shared" si="27"/>
        <v>0</v>
      </c>
      <c r="K631" s="201" t="str">
        <f t="shared" si="28"/>
        <v/>
      </c>
      <c r="L631" s="117"/>
    </row>
    <row r="632" spans="1:22" s="91" customFormat="1" x14ac:dyDescent="0.15">
      <c r="A632" s="243"/>
      <c r="B632" s="18"/>
      <c r="C632" s="18"/>
      <c r="D632" s="18"/>
      <c r="E632" s="18"/>
      <c r="F632" s="18"/>
      <c r="G632" s="18"/>
      <c r="H632" s="14"/>
      <c r="I632" s="14"/>
      <c r="J632" s="88"/>
      <c r="K632" s="89"/>
      <c r="L632" s="90"/>
    </row>
    <row r="633" spans="1:22" s="83" customFormat="1" x14ac:dyDescent="0.15">
      <c r="A633" s="243"/>
      <c r="B633" s="84"/>
      <c r="C633" s="62"/>
      <c r="D633" s="62"/>
      <c r="E633" s="62"/>
      <c r="F633" s="62"/>
      <c r="G633" s="62"/>
      <c r="H633" s="92"/>
      <c r="I633" s="92"/>
      <c r="J633" s="88"/>
      <c r="K633" s="89"/>
      <c r="L633" s="90"/>
    </row>
    <row r="634" spans="1:22" s="115" customFormat="1" x14ac:dyDescent="0.15">
      <c r="A634" s="243"/>
      <c r="B634" s="119"/>
      <c r="C634" s="3"/>
      <c r="D634" s="3"/>
      <c r="E634" s="3"/>
      <c r="F634" s="3"/>
      <c r="G634" s="3"/>
      <c r="H634" s="286"/>
      <c r="I634" s="286"/>
      <c r="J634" s="61"/>
      <c r="K634" s="31"/>
      <c r="L634" s="108"/>
    </row>
    <row r="635" spans="1:22" s="115" customFormat="1" x14ac:dyDescent="0.15">
      <c r="A635" s="243"/>
      <c r="B635" s="18" t="s">
        <v>431</v>
      </c>
      <c r="C635" s="3"/>
      <c r="D635" s="3"/>
      <c r="E635" s="3"/>
      <c r="F635" s="3"/>
      <c r="G635" s="3"/>
      <c r="H635" s="286"/>
      <c r="I635" s="286"/>
      <c r="J635" s="61"/>
      <c r="K635" s="31"/>
      <c r="L635" s="108"/>
    </row>
    <row r="636" spans="1:22" x14ac:dyDescent="0.15">
      <c r="A636" s="243"/>
      <c r="B636" s="18"/>
      <c r="C636" s="18"/>
      <c r="D636" s="18"/>
      <c r="E636" s="18"/>
      <c r="F636" s="18"/>
      <c r="G636" s="18"/>
      <c r="H636" s="14"/>
      <c r="I636" s="14"/>
      <c r="J636" s="63"/>
      <c r="K636" s="31"/>
      <c r="L636" s="76"/>
      <c r="M636" s="8"/>
      <c r="N636" s="8"/>
      <c r="O636" s="8"/>
      <c r="P636" s="8"/>
      <c r="Q636" s="8"/>
      <c r="R636" s="8"/>
      <c r="S636" s="8"/>
      <c r="T636" s="8"/>
      <c r="U636" s="8"/>
      <c r="V636" s="8"/>
    </row>
    <row r="637" spans="1:22" ht="34.5" customHeight="1" x14ac:dyDescent="0.15">
      <c r="A637" s="243"/>
      <c r="B637" s="18"/>
      <c r="C637" s="3"/>
      <c r="D637" s="3"/>
      <c r="F637" s="3"/>
      <c r="G637" s="3"/>
      <c r="H637" s="286"/>
      <c r="I637" s="286"/>
      <c r="J637" s="77" t="s">
        <v>35</v>
      </c>
      <c r="K637" s="185"/>
      <c r="L637" s="66" t="s">
        <v>1051</v>
      </c>
      <c r="M637" s="8"/>
      <c r="N637" s="8"/>
      <c r="O637" s="8"/>
      <c r="P637" s="8"/>
      <c r="Q637" s="8"/>
      <c r="R637" s="8"/>
      <c r="S637" s="8"/>
      <c r="T637" s="8"/>
      <c r="U637" s="8"/>
      <c r="V637" s="8"/>
    </row>
    <row r="638" spans="1:22" ht="20.25" customHeight="1" x14ac:dyDescent="0.15">
      <c r="A638" s="243"/>
      <c r="B638" s="1"/>
      <c r="C638" s="62"/>
      <c r="D638" s="3"/>
      <c r="F638" s="3"/>
      <c r="G638" s="3"/>
      <c r="H638" s="286"/>
      <c r="I638" s="67" t="s">
        <v>36</v>
      </c>
      <c r="J638" s="68"/>
      <c r="K638" s="186"/>
      <c r="L638" s="70" t="s">
        <v>1052</v>
      </c>
      <c r="M638" s="8"/>
      <c r="N638" s="8"/>
      <c r="O638" s="8"/>
      <c r="P638" s="8"/>
      <c r="Q638" s="8"/>
      <c r="R638" s="8"/>
      <c r="S638" s="8"/>
      <c r="T638" s="8"/>
      <c r="U638" s="8"/>
      <c r="V638" s="8"/>
    </row>
    <row r="639" spans="1:22" s="118" customFormat="1" ht="70.150000000000006" customHeight="1" x14ac:dyDescent="0.15">
      <c r="A639" s="252" t="s">
        <v>916</v>
      </c>
      <c r="B639" s="115"/>
      <c r="C639" s="324" t="s">
        <v>432</v>
      </c>
      <c r="D639" s="325"/>
      <c r="E639" s="325"/>
      <c r="F639" s="325"/>
      <c r="G639" s="325"/>
      <c r="H639" s="326"/>
      <c r="I639" s="122" t="s">
        <v>433</v>
      </c>
      <c r="J639" s="116">
        <f t="shared" ref="J639:J646" si="29">IF(SUM(L639:L639)=0,IF(COUNTIF(L639:L639,"未確認")&gt;0,"未確認",IF(COUNTIF(L639:L639,"~*")&gt;0,"*",SUM(L639:L639))),SUM(L639:L639))</f>
        <v>0</v>
      </c>
      <c r="K639" s="201" t="str">
        <f t="shared" ref="K639:K646" si="30">IF(OR(COUNTIF(L639:L639,"未確認")&gt;0,COUNTIF(L639:L639,"*")&gt;0),"※","")</f>
        <v/>
      </c>
      <c r="L639" s="117"/>
    </row>
    <row r="640" spans="1:22" s="118" customFormat="1" ht="56.1" customHeight="1" x14ac:dyDescent="0.15">
      <c r="A640" s="252" t="s">
        <v>917</v>
      </c>
      <c r="B640" s="119"/>
      <c r="C640" s="324" t="s">
        <v>434</v>
      </c>
      <c r="D640" s="325"/>
      <c r="E640" s="325"/>
      <c r="F640" s="325"/>
      <c r="G640" s="325"/>
      <c r="H640" s="326"/>
      <c r="I640" s="122" t="s">
        <v>435</v>
      </c>
      <c r="J640" s="116">
        <f t="shared" si="29"/>
        <v>0</v>
      </c>
      <c r="K640" s="201" t="str">
        <f t="shared" si="30"/>
        <v/>
      </c>
      <c r="L640" s="117"/>
    </row>
    <row r="641" spans="1:22" s="118" customFormat="1" ht="57" x14ac:dyDescent="0.15">
      <c r="A641" s="252" t="s">
        <v>918</v>
      </c>
      <c r="B641" s="119"/>
      <c r="C641" s="324" t="s">
        <v>436</v>
      </c>
      <c r="D641" s="325"/>
      <c r="E641" s="325"/>
      <c r="F641" s="325"/>
      <c r="G641" s="325"/>
      <c r="H641" s="326"/>
      <c r="I641" s="122" t="s">
        <v>437</v>
      </c>
      <c r="J641" s="116">
        <f t="shared" si="29"/>
        <v>0</v>
      </c>
      <c r="K641" s="201" t="str">
        <f t="shared" si="30"/>
        <v/>
      </c>
      <c r="L641" s="117"/>
    </row>
    <row r="642" spans="1:22" s="118" customFormat="1" ht="56.1" customHeight="1" x14ac:dyDescent="0.15">
      <c r="A642" s="252" t="s">
        <v>919</v>
      </c>
      <c r="B642" s="119"/>
      <c r="C642" s="327" t="s">
        <v>1016</v>
      </c>
      <c r="D642" s="328"/>
      <c r="E642" s="328"/>
      <c r="F642" s="328"/>
      <c r="G642" s="328"/>
      <c r="H642" s="329"/>
      <c r="I642" s="122" t="s">
        <v>439</v>
      </c>
      <c r="J642" s="116">
        <f t="shared" si="29"/>
        <v>0</v>
      </c>
      <c r="K642" s="201" t="str">
        <f t="shared" si="30"/>
        <v/>
      </c>
      <c r="L642" s="117"/>
    </row>
    <row r="643" spans="1:22" s="118" customFormat="1" ht="84" customHeight="1" x14ac:dyDescent="0.15">
      <c r="A643" s="252" t="s">
        <v>920</v>
      </c>
      <c r="B643" s="119"/>
      <c r="C643" s="324" t="s">
        <v>440</v>
      </c>
      <c r="D643" s="325"/>
      <c r="E643" s="325"/>
      <c r="F643" s="325"/>
      <c r="G643" s="325"/>
      <c r="H643" s="326"/>
      <c r="I643" s="122" t="s">
        <v>441</v>
      </c>
      <c r="J643" s="116" t="str">
        <f t="shared" si="29"/>
        <v>*</v>
      </c>
      <c r="K643" s="201" t="str">
        <f t="shared" si="30"/>
        <v>※</v>
      </c>
      <c r="L643" s="117" t="s">
        <v>541</v>
      </c>
    </row>
    <row r="644" spans="1:22" s="118" customFormat="1" ht="70.150000000000006" customHeight="1" x14ac:dyDescent="0.15">
      <c r="A644" s="252" t="s">
        <v>921</v>
      </c>
      <c r="B644" s="119"/>
      <c r="C644" s="324" t="s">
        <v>442</v>
      </c>
      <c r="D644" s="325"/>
      <c r="E644" s="325"/>
      <c r="F644" s="325"/>
      <c r="G644" s="325"/>
      <c r="H644" s="326"/>
      <c r="I644" s="122" t="s">
        <v>443</v>
      </c>
      <c r="J644" s="116">
        <f t="shared" si="29"/>
        <v>0</v>
      </c>
      <c r="K644" s="201" t="str">
        <f t="shared" si="30"/>
        <v/>
      </c>
      <c r="L644" s="117"/>
    </row>
    <row r="645" spans="1:22" s="118" customFormat="1" ht="98.1" customHeight="1" x14ac:dyDescent="0.15">
      <c r="A645" s="252" t="s">
        <v>922</v>
      </c>
      <c r="B645" s="119"/>
      <c r="C645" s="324" t="s">
        <v>444</v>
      </c>
      <c r="D645" s="325"/>
      <c r="E645" s="325"/>
      <c r="F645" s="325"/>
      <c r="G645" s="325"/>
      <c r="H645" s="326"/>
      <c r="I645" s="122" t="s">
        <v>445</v>
      </c>
      <c r="J645" s="116">
        <f t="shared" si="29"/>
        <v>0</v>
      </c>
      <c r="K645" s="201" t="str">
        <f t="shared" si="30"/>
        <v/>
      </c>
      <c r="L645" s="117"/>
    </row>
    <row r="646" spans="1:22" s="118" customFormat="1" ht="84" customHeight="1" x14ac:dyDescent="0.15">
      <c r="A646" s="252" t="s">
        <v>923</v>
      </c>
      <c r="B646" s="119"/>
      <c r="C646" s="327" t="s">
        <v>1000</v>
      </c>
      <c r="D646" s="328"/>
      <c r="E646" s="328"/>
      <c r="F646" s="328"/>
      <c r="G646" s="328"/>
      <c r="H646" s="329"/>
      <c r="I646" s="122" t="s">
        <v>447</v>
      </c>
      <c r="J646" s="116">
        <f t="shared" si="29"/>
        <v>0</v>
      </c>
      <c r="K646" s="201" t="str">
        <f t="shared" si="30"/>
        <v/>
      </c>
      <c r="L646" s="117"/>
    </row>
    <row r="647" spans="1:22" s="91" customFormat="1" x14ac:dyDescent="0.15">
      <c r="A647" s="243"/>
      <c r="B647" s="18"/>
      <c r="C647" s="18"/>
      <c r="D647" s="18"/>
      <c r="E647" s="18"/>
      <c r="F647" s="18"/>
      <c r="G647" s="18"/>
      <c r="H647" s="14"/>
      <c r="I647" s="14"/>
      <c r="J647" s="88"/>
      <c r="K647" s="89"/>
      <c r="L647" s="90"/>
    </row>
    <row r="648" spans="1:22" s="83" customFormat="1" x14ac:dyDescent="0.15">
      <c r="A648" s="243"/>
      <c r="B648" s="84"/>
      <c r="C648" s="62"/>
      <c r="D648" s="62"/>
      <c r="E648" s="62"/>
      <c r="F648" s="62"/>
      <c r="G648" s="62"/>
      <c r="H648" s="92"/>
      <c r="I648" s="92"/>
      <c r="J648" s="88"/>
      <c r="K648" s="89"/>
      <c r="L648" s="90"/>
    </row>
    <row r="649" spans="1:22" s="115" customFormat="1" x14ac:dyDescent="0.15">
      <c r="A649" s="243"/>
      <c r="B649" s="119"/>
      <c r="C649" s="3"/>
      <c r="D649" s="3"/>
      <c r="E649" s="3"/>
      <c r="F649" s="3"/>
      <c r="G649" s="3"/>
      <c r="H649" s="286"/>
      <c r="I649" s="286"/>
      <c r="J649" s="61"/>
      <c r="K649" s="31"/>
      <c r="L649" s="108"/>
    </row>
    <row r="650" spans="1:22" s="115" customFormat="1" x14ac:dyDescent="0.15">
      <c r="A650" s="243"/>
      <c r="B650" s="18" t="s">
        <v>448</v>
      </c>
      <c r="C650" s="3"/>
      <c r="D650" s="3"/>
      <c r="E650" s="3"/>
      <c r="F650" s="3"/>
      <c r="G650" s="3"/>
      <c r="H650" s="286"/>
      <c r="I650" s="286"/>
      <c r="J650" s="61"/>
      <c r="K650" s="31"/>
      <c r="L650" s="108"/>
    </row>
    <row r="651" spans="1:22" x14ac:dyDescent="0.15">
      <c r="A651" s="243"/>
      <c r="B651" s="18"/>
      <c r="C651" s="18"/>
      <c r="D651" s="18"/>
      <c r="E651" s="18"/>
      <c r="F651" s="18"/>
      <c r="G651" s="18"/>
      <c r="H651" s="14"/>
      <c r="I651" s="14"/>
      <c r="J651" s="63"/>
      <c r="K651" s="31"/>
      <c r="L651" s="76"/>
      <c r="M651" s="8"/>
      <c r="N651" s="8"/>
      <c r="O651" s="8"/>
      <c r="P651" s="8"/>
      <c r="Q651" s="8"/>
      <c r="R651" s="8"/>
      <c r="S651" s="8"/>
      <c r="T651" s="8"/>
      <c r="U651" s="8"/>
      <c r="V651" s="8"/>
    </row>
    <row r="652" spans="1:22" ht="34.5" customHeight="1" x14ac:dyDescent="0.15">
      <c r="A652" s="243"/>
      <c r="B652" s="18"/>
      <c r="C652" s="3"/>
      <c r="D652" s="3"/>
      <c r="F652" s="3"/>
      <c r="G652" s="3"/>
      <c r="H652" s="286"/>
      <c r="I652" s="286"/>
      <c r="J652" s="77" t="s">
        <v>35</v>
      </c>
      <c r="K652" s="185"/>
      <c r="L652" s="66" t="s">
        <v>1053</v>
      </c>
      <c r="M652" s="8"/>
      <c r="N652" s="8"/>
      <c r="O652" s="8"/>
      <c r="P652" s="8"/>
      <c r="Q652" s="8"/>
      <c r="R652" s="8"/>
      <c r="S652" s="8"/>
      <c r="T652" s="8"/>
      <c r="U652" s="8"/>
      <c r="V652" s="8"/>
    </row>
    <row r="653" spans="1:22" ht="20.25" customHeight="1" x14ac:dyDescent="0.15">
      <c r="A653" s="243"/>
      <c r="B653" s="1"/>
      <c r="C653" s="62"/>
      <c r="D653" s="3"/>
      <c r="F653" s="3"/>
      <c r="G653" s="3"/>
      <c r="H653" s="286"/>
      <c r="I653" s="67" t="s">
        <v>36</v>
      </c>
      <c r="J653" s="68"/>
      <c r="K653" s="186"/>
      <c r="L653" s="70"/>
      <c r="M653" s="8"/>
      <c r="N653" s="8"/>
      <c r="O653" s="8"/>
      <c r="P653" s="8"/>
      <c r="Q653" s="8"/>
      <c r="R653" s="8"/>
      <c r="S653" s="8"/>
      <c r="T653" s="8"/>
      <c r="U653" s="8"/>
      <c r="V653" s="8"/>
    </row>
    <row r="654" spans="1:22" s="118" customFormat="1" ht="42" customHeight="1" x14ac:dyDescent="0.15">
      <c r="A654" s="252" t="s">
        <v>924</v>
      </c>
      <c r="B654" s="115"/>
      <c r="C654" s="343" t="s">
        <v>449</v>
      </c>
      <c r="D654" s="344"/>
      <c r="E654" s="344"/>
      <c r="F654" s="344"/>
      <c r="G654" s="344"/>
      <c r="H654" s="345"/>
      <c r="I654" s="122" t="s">
        <v>450</v>
      </c>
      <c r="J654" s="116">
        <f t="shared" ref="J654:J668" si="31">IF(SUM(L654:L654)=0,IF(COUNTIF(L654:L654,"未確認")&gt;0,"未確認",IF(COUNTIF(L654:L654,"~*")&gt;0,"*",SUM(L654:L654))),SUM(L654:L654))</f>
        <v>0</v>
      </c>
      <c r="K654" s="201" t="str">
        <f t="shared" ref="K654:K668" si="32">IF(OR(COUNTIF(L654:L654,"未確認")&gt;0,COUNTIF(L654:L654,"*")&gt;0),"※","")</f>
        <v/>
      </c>
      <c r="L654" s="117"/>
    </row>
    <row r="655" spans="1:22" s="118" customFormat="1" ht="70.150000000000006" customHeight="1" x14ac:dyDescent="0.15">
      <c r="A655" s="252" t="s">
        <v>925</v>
      </c>
      <c r="B655" s="84"/>
      <c r="C655" s="188"/>
      <c r="D655" s="221"/>
      <c r="E655" s="324" t="s">
        <v>937</v>
      </c>
      <c r="F655" s="325"/>
      <c r="G655" s="325"/>
      <c r="H655" s="326"/>
      <c r="I655" s="122" t="s">
        <v>452</v>
      </c>
      <c r="J655" s="116">
        <f t="shared" si="31"/>
        <v>0</v>
      </c>
      <c r="K655" s="201" t="str">
        <f t="shared" si="32"/>
        <v/>
      </c>
      <c r="L655" s="117"/>
    </row>
    <row r="656" spans="1:22" s="118" customFormat="1" ht="70.150000000000006" customHeight="1" x14ac:dyDescent="0.15">
      <c r="A656" s="252" t="s">
        <v>926</v>
      </c>
      <c r="B656" s="84"/>
      <c r="C656" s="188"/>
      <c r="D656" s="221"/>
      <c r="E656" s="324" t="s">
        <v>938</v>
      </c>
      <c r="F656" s="325"/>
      <c r="G656" s="325"/>
      <c r="H656" s="326"/>
      <c r="I656" s="122" t="s">
        <v>454</v>
      </c>
      <c r="J656" s="116">
        <f t="shared" si="31"/>
        <v>0</v>
      </c>
      <c r="K656" s="201" t="str">
        <f t="shared" si="32"/>
        <v/>
      </c>
      <c r="L656" s="117"/>
    </row>
    <row r="657" spans="1:22" s="118" customFormat="1" ht="70.150000000000006" customHeight="1" x14ac:dyDescent="0.15">
      <c r="A657" s="252" t="s">
        <v>927</v>
      </c>
      <c r="B657" s="84"/>
      <c r="C657" s="294"/>
      <c r="D657" s="296"/>
      <c r="E657" s="324" t="s">
        <v>939</v>
      </c>
      <c r="F657" s="325"/>
      <c r="G657" s="325"/>
      <c r="H657" s="326"/>
      <c r="I657" s="122" t="s">
        <v>456</v>
      </c>
      <c r="J657" s="116">
        <f t="shared" si="31"/>
        <v>0</v>
      </c>
      <c r="K657" s="201" t="str">
        <f t="shared" si="32"/>
        <v/>
      </c>
      <c r="L657" s="117"/>
    </row>
    <row r="658" spans="1:22" s="118" customFormat="1" ht="84" customHeight="1" x14ac:dyDescent="0.15">
      <c r="A658" s="252" t="s">
        <v>928</v>
      </c>
      <c r="B658" s="84"/>
      <c r="C658" s="294"/>
      <c r="D658" s="296"/>
      <c r="E658" s="324" t="s">
        <v>940</v>
      </c>
      <c r="F658" s="325"/>
      <c r="G658" s="325"/>
      <c r="H658" s="326"/>
      <c r="I658" s="122" t="s">
        <v>458</v>
      </c>
      <c r="J658" s="116">
        <f t="shared" si="31"/>
        <v>0</v>
      </c>
      <c r="K658" s="201" t="str">
        <f t="shared" si="32"/>
        <v/>
      </c>
      <c r="L658" s="117"/>
    </row>
    <row r="659" spans="1:22" s="118" customFormat="1" ht="70.150000000000006" customHeight="1" x14ac:dyDescent="0.15">
      <c r="A659" s="252" t="s">
        <v>929</v>
      </c>
      <c r="B659" s="84"/>
      <c r="C659" s="188"/>
      <c r="D659" s="221"/>
      <c r="E659" s="324" t="s">
        <v>941</v>
      </c>
      <c r="F659" s="325"/>
      <c r="G659" s="325"/>
      <c r="H659" s="326"/>
      <c r="I659" s="122" t="s">
        <v>460</v>
      </c>
      <c r="J659" s="116">
        <f t="shared" si="31"/>
        <v>0</v>
      </c>
      <c r="K659" s="201" t="str">
        <f t="shared" si="32"/>
        <v/>
      </c>
      <c r="L659" s="117"/>
    </row>
    <row r="660" spans="1:22" s="118" customFormat="1" ht="56.1" customHeight="1" x14ac:dyDescent="0.15">
      <c r="A660" s="252" t="s">
        <v>930</v>
      </c>
      <c r="B660" s="84"/>
      <c r="C660" s="188"/>
      <c r="D660" s="221"/>
      <c r="E660" s="324" t="s">
        <v>942</v>
      </c>
      <c r="F660" s="325"/>
      <c r="G660" s="325"/>
      <c r="H660" s="326"/>
      <c r="I660" s="122" t="s">
        <v>462</v>
      </c>
      <c r="J660" s="116">
        <f t="shared" si="31"/>
        <v>0</v>
      </c>
      <c r="K660" s="201" t="str">
        <f t="shared" si="32"/>
        <v/>
      </c>
      <c r="L660" s="117"/>
    </row>
    <row r="661" spans="1:22" s="118" customFormat="1" ht="70.150000000000006" customHeight="1" x14ac:dyDescent="0.15">
      <c r="A661" s="252" t="s">
        <v>931</v>
      </c>
      <c r="B661" s="84"/>
      <c r="C661" s="188"/>
      <c r="D661" s="221"/>
      <c r="E661" s="324" t="s">
        <v>943</v>
      </c>
      <c r="F661" s="325"/>
      <c r="G661" s="325"/>
      <c r="H661" s="326"/>
      <c r="I661" s="122" t="s">
        <v>464</v>
      </c>
      <c r="J661" s="116">
        <f t="shared" si="31"/>
        <v>0</v>
      </c>
      <c r="K661" s="201" t="str">
        <f t="shared" si="32"/>
        <v/>
      </c>
      <c r="L661" s="117"/>
    </row>
    <row r="662" spans="1:22" s="118" customFormat="1" ht="70.150000000000006" customHeight="1" x14ac:dyDescent="0.15">
      <c r="A662" s="252" t="s">
        <v>932</v>
      </c>
      <c r="B662" s="84"/>
      <c r="C662" s="190"/>
      <c r="D662" s="222"/>
      <c r="E662" s="324" t="s">
        <v>944</v>
      </c>
      <c r="F662" s="325"/>
      <c r="G662" s="325"/>
      <c r="H662" s="326"/>
      <c r="I662" s="122" t="s">
        <v>466</v>
      </c>
      <c r="J662" s="116">
        <f t="shared" si="31"/>
        <v>0</v>
      </c>
      <c r="K662" s="201" t="str">
        <f t="shared" si="32"/>
        <v/>
      </c>
      <c r="L662" s="117"/>
    </row>
    <row r="663" spans="1:22" s="118" customFormat="1" ht="70.150000000000006" customHeight="1" x14ac:dyDescent="0.15">
      <c r="A663" s="252" t="s">
        <v>933</v>
      </c>
      <c r="B663" s="84"/>
      <c r="C663" s="324" t="s">
        <v>936</v>
      </c>
      <c r="D663" s="325"/>
      <c r="E663" s="325"/>
      <c r="F663" s="325"/>
      <c r="G663" s="325"/>
      <c r="H663" s="326"/>
      <c r="I663" s="122" t="s">
        <v>468</v>
      </c>
      <c r="J663" s="116">
        <f t="shared" si="31"/>
        <v>0</v>
      </c>
      <c r="K663" s="201" t="str">
        <f t="shared" si="32"/>
        <v/>
      </c>
      <c r="L663" s="117"/>
    </row>
    <row r="664" spans="1:22" s="118" customFormat="1" ht="72" customHeight="1" x14ac:dyDescent="0.15">
      <c r="A664" s="252" t="s">
        <v>934</v>
      </c>
      <c r="B664" s="84"/>
      <c r="C664" s="327" t="s">
        <v>976</v>
      </c>
      <c r="D664" s="328"/>
      <c r="E664" s="328"/>
      <c r="F664" s="328"/>
      <c r="G664" s="328"/>
      <c r="H664" s="329"/>
      <c r="I664" s="138" t="s">
        <v>1023</v>
      </c>
      <c r="J664" s="116">
        <f t="shared" si="31"/>
        <v>0</v>
      </c>
      <c r="K664" s="201" t="str">
        <f t="shared" si="32"/>
        <v/>
      </c>
      <c r="L664" s="117"/>
    </row>
    <row r="665" spans="1:22" s="118" customFormat="1" ht="70.150000000000006" customHeight="1" x14ac:dyDescent="0.15">
      <c r="A665" s="252" t="s">
        <v>935</v>
      </c>
      <c r="B665" s="84"/>
      <c r="C665" s="324" t="s">
        <v>469</v>
      </c>
      <c r="D665" s="325"/>
      <c r="E665" s="325"/>
      <c r="F665" s="325"/>
      <c r="G665" s="325"/>
      <c r="H665" s="326"/>
      <c r="I665" s="122" t="s">
        <v>470</v>
      </c>
      <c r="J665" s="116">
        <f t="shared" si="31"/>
        <v>0</v>
      </c>
      <c r="K665" s="201" t="str">
        <f t="shared" si="32"/>
        <v/>
      </c>
      <c r="L665" s="117"/>
    </row>
    <row r="666" spans="1:22" s="118" customFormat="1" ht="56.1" customHeight="1" x14ac:dyDescent="0.15">
      <c r="A666" s="252" t="s">
        <v>945</v>
      </c>
      <c r="B666" s="84"/>
      <c r="C666" s="324" t="s">
        <v>471</v>
      </c>
      <c r="D666" s="325"/>
      <c r="E666" s="325"/>
      <c r="F666" s="325"/>
      <c r="G666" s="325"/>
      <c r="H666" s="326"/>
      <c r="I666" s="122" t="s">
        <v>472</v>
      </c>
      <c r="J666" s="116">
        <f t="shared" si="31"/>
        <v>0</v>
      </c>
      <c r="K666" s="201" t="str">
        <f t="shared" si="32"/>
        <v/>
      </c>
      <c r="L666" s="117"/>
    </row>
    <row r="667" spans="1:22" s="118" customFormat="1" ht="70.150000000000006" customHeight="1" x14ac:dyDescent="0.15">
      <c r="A667" s="252" t="s">
        <v>946</v>
      </c>
      <c r="B667" s="84"/>
      <c r="C667" s="327" t="s">
        <v>1001</v>
      </c>
      <c r="D667" s="328"/>
      <c r="E667" s="328"/>
      <c r="F667" s="328"/>
      <c r="G667" s="328"/>
      <c r="H667" s="329"/>
      <c r="I667" s="122" t="s">
        <v>476</v>
      </c>
      <c r="J667" s="116">
        <f t="shared" si="31"/>
        <v>0</v>
      </c>
      <c r="K667" s="201" t="str">
        <f t="shared" si="32"/>
        <v/>
      </c>
      <c r="L667" s="117"/>
    </row>
    <row r="668" spans="1:22" s="118" customFormat="1" ht="84" customHeight="1" x14ac:dyDescent="0.15">
      <c r="A668" s="252" t="s">
        <v>947</v>
      </c>
      <c r="B668" s="84"/>
      <c r="C668" s="324" t="s">
        <v>948</v>
      </c>
      <c r="D668" s="325"/>
      <c r="E668" s="325"/>
      <c r="F668" s="325"/>
      <c r="G668" s="325"/>
      <c r="H668" s="326"/>
      <c r="I668" s="122" t="s">
        <v>478</v>
      </c>
      <c r="J668" s="116">
        <f t="shared" si="31"/>
        <v>0</v>
      </c>
      <c r="K668" s="201" t="str">
        <f t="shared" si="32"/>
        <v/>
      </c>
      <c r="L668" s="117"/>
    </row>
    <row r="669" spans="1:22" s="91" customFormat="1" x14ac:dyDescent="0.15">
      <c r="A669" s="243"/>
      <c r="B669" s="18"/>
      <c r="C669" s="18"/>
      <c r="D669" s="18"/>
      <c r="E669" s="18"/>
      <c r="F669" s="18"/>
      <c r="G669" s="18"/>
      <c r="H669" s="14"/>
      <c r="I669" s="14"/>
      <c r="J669" s="88"/>
      <c r="K669" s="89"/>
      <c r="L669" s="90"/>
    </row>
    <row r="670" spans="1:22" s="83" customFormat="1" x14ac:dyDescent="0.15">
      <c r="A670" s="243"/>
      <c r="B670" s="84"/>
      <c r="C670" s="62"/>
      <c r="D670" s="62"/>
      <c r="E670" s="62"/>
      <c r="F670" s="62"/>
      <c r="G670" s="62"/>
      <c r="H670" s="92"/>
      <c r="I670" s="92"/>
      <c r="J670" s="88"/>
      <c r="K670" s="89"/>
      <c r="L670" s="90"/>
    </row>
    <row r="671" spans="1:22" s="115" customFormat="1" x14ac:dyDescent="0.15">
      <c r="A671" s="243"/>
      <c r="B671" s="119"/>
      <c r="C671" s="3"/>
      <c r="D671" s="3"/>
      <c r="E671" s="3"/>
      <c r="F671" s="3"/>
      <c r="G671" s="3"/>
      <c r="H671" s="286"/>
      <c r="I671" s="286"/>
      <c r="J671" s="61"/>
      <c r="K671" s="31"/>
      <c r="L671" s="108"/>
    </row>
    <row r="672" spans="1:22" x14ac:dyDescent="0.15">
      <c r="A672" s="243"/>
      <c r="B672" s="18"/>
      <c r="C672" s="18"/>
      <c r="D672" s="18"/>
      <c r="E672" s="18"/>
      <c r="F672" s="18"/>
      <c r="G672" s="18"/>
      <c r="H672" s="14"/>
      <c r="I672" s="14"/>
      <c r="L672" s="76"/>
      <c r="M672" s="8"/>
      <c r="N672" s="8"/>
      <c r="O672" s="8"/>
      <c r="P672" s="8"/>
      <c r="Q672" s="8"/>
      <c r="R672" s="8"/>
      <c r="S672" s="8"/>
      <c r="T672" s="8"/>
      <c r="U672" s="8"/>
      <c r="V672" s="8"/>
    </row>
    <row r="673" spans="1:22" ht="34.5" customHeight="1" x14ac:dyDescent="0.15">
      <c r="A673" s="243"/>
      <c r="B673" s="18"/>
      <c r="C673" s="3"/>
      <c r="D673" s="3"/>
      <c r="F673" s="3"/>
      <c r="G673" s="3"/>
      <c r="H673" s="286"/>
      <c r="I673" s="286"/>
      <c r="J673" s="77" t="s">
        <v>35</v>
      </c>
      <c r="K673" s="185"/>
      <c r="L673" s="66" t="s">
        <v>1051</v>
      </c>
      <c r="M673" s="8"/>
      <c r="N673" s="8"/>
      <c r="O673" s="8"/>
      <c r="P673" s="8"/>
      <c r="Q673" s="8"/>
      <c r="R673" s="8"/>
      <c r="S673" s="8"/>
      <c r="T673" s="8"/>
      <c r="U673" s="8"/>
      <c r="V673" s="8"/>
    </row>
    <row r="674" spans="1:22" ht="20.25" customHeight="1" x14ac:dyDescent="0.15">
      <c r="A674" s="243"/>
      <c r="B674" s="1"/>
      <c r="C674" s="62"/>
      <c r="D674" s="3"/>
      <c r="F674" s="3"/>
      <c r="G674" s="3"/>
      <c r="H674" s="286"/>
      <c r="I674" s="67" t="s">
        <v>36</v>
      </c>
      <c r="J674" s="68"/>
      <c r="K674" s="186"/>
      <c r="L674" s="70" t="s">
        <v>1052</v>
      </c>
      <c r="M674" s="8"/>
      <c r="N674" s="8"/>
      <c r="O674" s="8"/>
      <c r="P674" s="8"/>
      <c r="Q674" s="8"/>
      <c r="R674" s="8"/>
      <c r="S674" s="8"/>
      <c r="T674" s="8"/>
      <c r="U674" s="8"/>
      <c r="V674" s="8"/>
    </row>
    <row r="675" spans="1:22" s="83" customFormat="1" ht="56.1" customHeight="1" x14ac:dyDescent="0.15">
      <c r="A675" s="251" t="s">
        <v>949</v>
      </c>
      <c r="B675" s="84"/>
      <c r="C675" s="327" t="s">
        <v>479</v>
      </c>
      <c r="D675" s="328"/>
      <c r="E675" s="328"/>
      <c r="F675" s="328"/>
      <c r="G675" s="328"/>
      <c r="H675" s="329"/>
      <c r="I675" s="138" t="s">
        <v>480</v>
      </c>
      <c r="J675" s="223"/>
      <c r="K675" s="224"/>
      <c r="L675" s="98" t="s">
        <v>533</v>
      </c>
    </row>
    <row r="676" spans="1:22" s="83" customFormat="1" ht="56.1" customHeight="1" x14ac:dyDescent="0.15">
      <c r="A676" s="251" t="s">
        <v>950</v>
      </c>
      <c r="B676" s="84"/>
      <c r="C676" s="327" t="s">
        <v>481</v>
      </c>
      <c r="D676" s="328"/>
      <c r="E676" s="328"/>
      <c r="F676" s="328"/>
      <c r="G676" s="328"/>
      <c r="H676" s="329"/>
      <c r="I676" s="138" t="s">
        <v>482</v>
      </c>
      <c r="J676" s="223"/>
      <c r="K676" s="224"/>
      <c r="L676" s="225" t="s">
        <v>533</v>
      </c>
    </row>
    <row r="677" spans="1:22" s="83" customFormat="1" ht="56.1" customHeight="1" x14ac:dyDescent="0.15">
      <c r="A677" s="251" t="s">
        <v>951</v>
      </c>
      <c r="B677" s="84"/>
      <c r="C677" s="327" t="s">
        <v>483</v>
      </c>
      <c r="D677" s="328"/>
      <c r="E677" s="328"/>
      <c r="F677" s="328"/>
      <c r="G677" s="328"/>
      <c r="H677" s="329"/>
      <c r="I677" s="138" t="s">
        <v>484</v>
      </c>
      <c r="J677" s="223"/>
      <c r="K677" s="224"/>
      <c r="L677" s="299" t="s">
        <v>533</v>
      </c>
    </row>
    <row r="678" spans="1:22" s="83" customFormat="1" ht="60" customHeight="1" x14ac:dyDescent="0.15">
      <c r="A678" s="251" t="s">
        <v>952</v>
      </c>
      <c r="B678" s="84"/>
      <c r="C678" s="332" t="s">
        <v>485</v>
      </c>
      <c r="D678" s="333"/>
      <c r="E678" s="333"/>
      <c r="F678" s="333"/>
      <c r="G678" s="333"/>
      <c r="H678" s="334"/>
      <c r="I678" s="335" t="s">
        <v>1040</v>
      </c>
      <c r="J678" s="223"/>
      <c r="K678" s="224"/>
      <c r="L678" s="300" t="s">
        <v>533</v>
      </c>
    </row>
    <row r="679" spans="1:22" s="83" customFormat="1" ht="35.1" customHeight="1" x14ac:dyDescent="0.15">
      <c r="A679" s="251" t="s">
        <v>953</v>
      </c>
      <c r="B679" s="84"/>
      <c r="C679" s="227"/>
      <c r="D679" s="228"/>
      <c r="E679" s="332" t="s">
        <v>487</v>
      </c>
      <c r="F679" s="333"/>
      <c r="G679" s="333"/>
      <c r="H679" s="334"/>
      <c r="I679" s="336"/>
      <c r="J679" s="223"/>
      <c r="K679" s="224"/>
      <c r="L679" s="300" t="s">
        <v>533</v>
      </c>
    </row>
    <row r="680" spans="1:22" s="83" customFormat="1" ht="25.9" customHeight="1" x14ac:dyDescent="0.15">
      <c r="A680" s="251" t="s">
        <v>954</v>
      </c>
      <c r="B680" s="84"/>
      <c r="C680" s="229"/>
      <c r="D680" s="285"/>
      <c r="E680" s="338"/>
      <c r="F680" s="339"/>
      <c r="G680" s="340" t="s">
        <v>1002</v>
      </c>
      <c r="H680" s="341"/>
      <c r="I680" s="337"/>
      <c r="J680" s="223"/>
      <c r="K680" s="224"/>
      <c r="L680" s="300" t="s">
        <v>533</v>
      </c>
    </row>
    <row r="681" spans="1:22" s="115" customFormat="1" ht="80.099999999999994" customHeight="1" x14ac:dyDescent="0.15">
      <c r="A681" s="251" t="s">
        <v>955</v>
      </c>
      <c r="B681" s="84"/>
      <c r="C681" s="332" t="s">
        <v>1033</v>
      </c>
      <c r="D681" s="333"/>
      <c r="E681" s="333"/>
      <c r="F681" s="333"/>
      <c r="G681" s="333"/>
      <c r="H681" s="334"/>
      <c r="I681" s="335" t="s">
        <v>1034</v>
      </c>
      <c r="J681" s="223"/>
      <c r="K681" s="224"/>
      <c r="L681" s="300" t="s">
        <v>533</v>
      </c>
    </row>
    <row r="682" spans="1:22" s="115" customFormat="1" ht="34.5" customHeight="1" x14ac:dyDescent="0.15">
      <c r="A682" s="251" t="s">
        <v>956</v>
      </c>
      <c r="B682" s="84"/>
      <c r="C682" s="288"/>
      <c r="D682" s="290"/>
      <c r="E682" s="327" t="s">
        <v>1035</v>
      </c>
      <c r="F682" s="328"/>
      <c r="G682" s="328"/>
      <c r="H682" s="329"/>
      <c r="I682" s="342"/>
      <c r="J682" s="223"/>
      <c r="K682" s="224"/>
      <c r="L682" s="300" t="s">
        <v>533</v>
      </c>
    </row>
    <row r="683" spans="1:22" s="83" customFormat="1" ht="56.1" customHeight="1" x14ac:dyDescent="0.15">
      <c r="A683" s="251" t="s">
        <v>957</v>
      </c>
      <c r="B683" s="84"/>
      <c r="C683" s="327" t="s">
        <v>1036</v>
      </c>
      <c r="D683" s="328"/>
      <c r="E683" s="328"/>
      <c r="F683" s="328"/>
      <c r="G683" s="328"/>
      <c r="H683" s="329"/>
      <c r="I683" s="138" t="s">
        <v>492</v>
      </c>
      <c r="J683" s="223"/>
      <c r="K683" s="224"/>
      <c r="L683" s="304" t="s">
        <v>533</v>
      </c>
    </row>
    <row r="684" spans="1:22" s="91" customFormat="1" x14ac:dyDescent="0.15">
      <c r="A684" s="243"/>
      <c r="B684" s="18"/>
      <c r="C684" s="62"/>
      <c r="D684" s="62"/>
      <c r="E684" s="18"/>
      <c r="F684" s="18"/>
      <c r="G684" s="18"/>
      <c r="H684" s="14"/>
      <c r="I684" s="14"/>
      <c r="J684" s="88"/>
      <c r="K684" s="89"/>
      <c r="L684" s="90"/>
    </row>
    <row r="685" spans="1:22" s="83" customFormat="1" x14ac:dyDescent="0.15">
      <c r="A685" s="243"/>
      <c r="B685" s="84"/>
      <c r="C685" s="62"/>
      <c r="D685" s="62"/>
      <c r="E685" s="62"/>
      <c r="F685" s="62"/>
      <c r="G685" s="62"/>
      <c r="H685" s="92"/>
      <c r="I685" s="92"/>
      <c r="J685" s="88"/>
      <c r="K685" s="89"/>
      <c r="L685" s="90"/>
    </row>
    <row r="686" spans="1:22" s="91" customFormat="1" x14ac:dyDescent="0.15">
      <c r="A686" s="243"/>
      <c r="B686" s="84"/>
      <c r="C686" s="3"/>
      <c r="D686" s="3"/>
      <c r="E686" s="3"/>
      <c r="F686" s="3"/>
      <c r="G686" s="3"/>
      <c r="H686" s="286"/>
      <c r="I686" s="286"/>
      <c r="J686" s="61"/>
      <c r="K686" s="31"/>
      <c r="L686" s="108"/>
    </row>
    <row r="687" spans="1:22" s="91" customFormat="1" x14ac:dyDescent="0.15">
      <c r="A687" s="243"/>
      <c r="B687" s="18" t="s">
        <v>493</v>
      </c>
      <c r="C687" s="3"/>
      <c r="D687" s="3"/>
      <c r="E687" s="3"/>
      <c r="F687" s="3"/>
      <c r="G687" s="3"/>
      <c r="H687" s="286"/>
      <c r="I687" s="286"/>
      <c r="J687" s="61"/>
      <c r="K687" s="31"/>
      <c r="L687" s="108"/>
    </row>
    <row r="688" spans="1:22" x14ac:dyDescent="0.15">
      <c r="A688" s="243"/>
      <c r="B688" s="18"/>
      <c r="C688" s="18"/>
      <c r="D688" s="18"/>
      <c r="E688" s="18"/>
      <c r="F688" s="18"/>
      <c r="G688" s="18"/>
      <c r="H688" s="14"/>
      <c r="I688" s="14"/>
      <c r="L688" s="76"/>
      <c r="M688" s="8"/>
      <c r="N688" s="8"/>
      <c r="O688" s="8"/>
      <c r="P688" s="8"/>
      <c r="Q688" s="8"/>
      <c r="R688" s="8"/>
      <c r="S688" s="8"/>
      <c r="T688" s="8"/>
      <c r="U688" s="8"/>
      <c r="V688" s="8"/>
    </row>
    <row r="689" spans="1:22" ht="34.5" customHeight="1" x14ac:dyDescent="0.15">
      <c r="A689" s="243"/>
      <c r="B689" s="18"/>
      <c r="C689" s="3"/>
      <c r="D689" s="3"/>
      <c r="F689" s="3"/>
      <c r="G689" s="3"/>
      <c r="H689" s="286"/>
      <c r="I689" s="286"/>
      <c r="J689" s="77" t="s">
        <v>35</v>
      </c>
      <c r="K689" s="185"/>
      <c r="L689" s="66" t="s">
        <v>1051</v>
      </c>
      <c r="M689" s="8"/>
      <c r="N689" s="8"/>
      <c r="O689" s="8"/>
      <c r="P689" s="8"/>
      <c r="Q689" s="8"/>
      <c r="R689" s="8"/>
      <c r="S689" s="8"/>
      <c r="T689" s="8"/>
      <c r="U689" s="8"/>
      <c r="V689" s="8"/>
    </row>
    <row r="690" spans="1:22" ht="20.25" customHeight="1" x14ac:dyDescent="0.15">
      <c r="A690" s="243"/>
      <c r="B690" s="1"/>
      <c r="C690" s="62"/>
      <c r="D690" s="3"/>
      <c r="F690" s="3"/>
      <c r="G690" s="3"/>
      <c r="H690" s="286"/>
      <c r="I690" s="67" t="s">
        <v>36</v>
      </c>
      <c r="J690" s="68"/>
      <c r="K690" s="186"/>
      <c r="L690" s="70" t="s">
        <v>1052</v>
      </c>
      <c r="M690" s="8"/>
      <c r="N690" s="8"/>
      <c r="O690" s="8"/>
      <c r="P690" s="8"/>
      <c r="Q690" s="8"/>
      <c r="R690" s="8"/>
      <c r="S690" s="8"/>
      <c r="T690" s="8"/>
      <c r="U690" s="8"/>
      <c r="V690" s="8"/>
    </row>
    <row r="691" spans="1:22" s="118" customFormat="1" ht="112.15" customHeight="1" x14ac:dyDescent="0.15">
      <c r="A691" s="252" t="s">
        <v>961</v>
      </c>
      <c r="B691" s="119"/>
      <c r="C691" s="327" t="s">
        <v>960</v>
      </c>
      <c r="D691" s="328"/>
      <c r="E691" s="328"/>
      <c r="F691" s="328"/>
      <c r="G691" s="328"/>
      <c r="H691" s="329"/>
      <c r="I691" s="138" t="s">
        <v>1019</v>
      </c>
      <c r="J691" s="205">
        <f>IF(SUM(L691:L691)=0,IF(COUNTIF(L691:L691,"未確認")&gt;0,"未確認",IF(COUNTIF(L691:L691,"~*")&gt;0,"*",SUM(L691:L691))),SUM(L691:L691))</f>
        <v>41</v>
      </c>
      <c r="K691" s="201" t="str">
        <f>IF(OR(COUNTIF(L691:L691,"未確認")&gt;0,COUNTIF(L691:L691,"*")&gt;0),"※","")</f>
        <v/>
      </c>
      <c r="L691" s="117">
        <v>41</v>
      </c>
    </row>
    <row r="692" spans="1:22" s="118" customFormat="1" ht="42" customHeight="1" x14ac:dyDescent="0.15">
      <c r="A692" s="252" t="s">
        <v>959</v>
      </c>
      <c r="B692" s="119"/>
      <c r="C692" s="324" t="s">
        <v>498</v>
      </c>
      <c r="D692" s="325"/>
      <c r="E692" s="325"/>
      <c r="F692" s="325"/>
      <c r="G692" s="325"/>
      <c r="H692" s="326"/>
      <c r="I692" s="122" t="s">
        <v>499</v>
      </c>
      <c r="J692" s="205">
        <f>IF(SUM(L692:L692)=0,IF(COUNTIF(L692:L692,"未確認")&gt;0,"未確認",IF(COUNTIF(L692:L692,"~*")&gt;0,"*",SUM(L692:L692))),SUM(L692:L692))</f>
        <v>0</v>
      </c>
      <c r="K692" s="201" t="str">
        <f>IF(OR(COUNTIF(L692:L692,"未確認")&gt;0,COUNTIF(L692:L692,"*")&gt;0),"※","")</f>
        <v/>
      </c>
      <c r="L692" s="117"/>
    </row>
    <row r="693" spans="1:22" s="118" customFormat="1" ht="84" customHeight="1" x14ac:dyDescent="0.15">
      <c r="A693" s="252" t="s">
        <v>958</v>
      </c>
      <c r="B693" s="119"/>
      <c r="C693" s="324" t="s">
        <v>500</v>
      </c>
      <c r="D693" s="325"/>
      <c r="E693" s="325"/>
      <c r="F693" s="325"/>
      <c r="G693" s="325"/>
      <c r="H693" s="326"/>
      <c r="I693" s="122" t="s">
        <v>501</v>
      </c>
      <c r="J693" s="205">
        <f>IF(SUM(L693:L693)=0,IF(COUNTIF(L693:L693,"未確認")&gt;0,"未確認",IF(COUNTIF(L693:L693,"~*")&gt;0,"*",SUM(L693:L693))),SUM(L693:L693))</f>
        <v>0</v>
      </c>
      <c r="K693" s="201" t="str">
        <f>IF(OR(COUNTIF(L693:L693,"未確認")&gt;0,COUNTIF(L693:L693,"*")&gt;0),"※","")</f>
        <v/>
      </c>
      <c r="L693" s="117"/>
    </row>
    <row r="694" spans="1:22" s="91" customFormat="1" x14ac:dyDescent="0.15">
      <c r="A694" s="243"/>
      <c r="B694" s="18"/>
      <c r="C694" s="18"/>
      <c r="D694" s="18"/>
      <c r="E694" s="18"/>
      <c r="F694" s="18"/>
      <c r="G694" s="18"/>
      <c r="H694" s="14"/>
      <c r="I694" s="14"/>
      <c r="J694" s="88"/>
      <c r="K694" s="89"/>
      <c r="L694" s="90"/>
    </row>
    <row r="695" spans="1:22" s="83" customFormat="1" x14ac:dyDescent="0.15">
      <c r="A695" s="243"/>
      <c r="B695" s="84"/>
      <c r="C695" s="62"/>
      <c r="D695" s="62"/>
      <c r="E695" s="62"/>
      <c r="F695" s="62"/>
      <c r="G695" s="62"/>
      <c r="H695" s="92"/>
      <c r="I695" s="92"/>
      <c r="J695" s="88"/>
      <c r="K695" s="89"/>
      <c r="L695" s="90"/>
    </row>
    <row r="696" spans="1:22" s="115" customFormat="1" x14ac:dyDescent="0.15">
      <c r="A696" s="243"/>
      <c r="C696" s="3"/>
      <c r="D696" s="3"/>
      <c r="E696" s="3"/>
      <c r="F696" s="3"/>
      <c r="G696" s="3"/>
      <c r="H696" s="286"/>
      <c r="I696" s="286"/>
      <c r="J696" s="61"/>
      <c r="K696" s="31"/>
      <c r="L696" s="108"/>
    </row>
    <row r="697" spans="1:22" s="115" customFormat="1" x14ac:dyDescent="0.15">
      <c r="A697" s="243"/>
      <c r="B697" s="18" t="s">
        <v>502</v>
      </c>
      <c r="C697" s="3"/>
      <c r="D697" s="3"/>
      <c r="E697" s="3"/>
      <c r="F697" s="3"/>
      <c r="G697" s="3"/>
      <c r="H697" s="286"/>
      <c r="I697" s="286"/>
      <c r="J697" s="61"/>
      <c r="K697" s="31"/>
      <c r="L697" s="108"/>
    </row>
    <row r="698" spans="1:22" x14ac:dyDescent="0.15">
      <c r="A698" s="243"/>
      <c r="B698" s="18"/>
      <c r="C698" s="18"/>
      <c r="D698" s="18"/>
      <c r="E698" s="18"/>
      <c r="F698" s="18"/>
      <c r="G698" s="18"/>
      <c r="H698" s="14"/>
      <c r="I698" s="14"/>
      <c r="L698" s="76"/>
      <c r="M698" s="8"/>
      <c r="N698" s="8"/>
      <c r="O698" s="8"/>
      <c r="P698" s="8"/>
      <c r="Q698" s="8"/>
      <c r="R698" s="8"/>
      <c r="S698" s="8"/>
      <c r="T698" s="8"/>
      <c r="U698" s="8"/>
      <c r="V698" s="8"/>
    </row>
    <row r="699" spans="1:22" ht="34.5" customHeight="1" x14ac:dyDescent="0.15">
      <c r="A699" s="243"/>
      <c r="B699" s="18"/>
      <c r="C699" s="3"/>
      <c r="D699" s="3"/>
      <c r="F699" s="3"/>
      <c r="G699" s="3"/>
      <c r="H699" s="286"/>
      <c r="I699" s="286"/>
      <c r="J699" s="77" t="s">
        <v>35</v>
      </c>
      <c r="K699" s="185"/>
      <c r="L699" s="66" t="s">
        <v>1051</v>
      </c>
      <c r="M699" s="8"/>
      <c r="N699" s="8"/>
      <c r="O699" s="8"/>
      <c r="P699" s="8"/>
      <c r="Q699" s="8"/>
      <c r="R699" s="8"/>
      <c r="S699" s="8"/>
      <c r="T699" s="8"/>
      <c r="U699" s="8"/>
      <c r="V699" s="8"/>
    </row>
    <row r="700" spans="1:22" ht="20.25" customHeight="1" x14ac:dyDescent="0.15">
      <c r="A700" s="243"/>
      <c r="B700" s="1"/>
      <c r="C700" s="62"/>
      <c r="D700" s="3"/>
      <c r="F700" s="3"/>
      <c r="G700" s="3"/>
      <c r="H700" s="286"/>
      <c r="I700" s="67" t="s">
        <v>36</v>
      </c>
      <c r="J700" s="68"/>
      <c r="K700" s="186"/>
      <c r="L700" s="70" t="s">
        <v>1052</v>
      </c>
      <c r="M700" s="8"/>
      <c r="N700" s="8"/>
      <c r="O700" s="8"/>
      <c r="P700" s="8"/>
      <c r="Q700" s="8"/>
      <c r="R700" s="8"/>
      <c r="S700" s="8"/>
      <c r="T700" s="8"/>
      <c r="U700" s="8"/>
      <c r="V700" s="8"/>
    </row>
    <row r="701" spans="1:22" s="118" customFormat="1" ht="56.1" customHeight="1" x14ac:dyDescent="0.15">
      <c r="A701" s="252" t="s">
        <v>962</v>
      </c>
      <c r="B701" s="115"/>
      <c r="C701" s="324" t="s">
        <v>503</v>
      </c>
      <c r="D701" s="325"/>
      <c r="E701" s="325"/>
      <c r="F701" s="325"/>
      <c r="G701" s="325"/>
      <c r="H701" s="326"/>
      <c r="I701" s="122" t="s">
        <v>504</v>
      </c>
      <c r="J701" s="116">
        <f>IF(SUM(L701:L701)=0,IF(COUNTIF(L701:L701,"未確認")&gt;0,"未確認",IF(COUNTIF(L701:L701,"~*")&gt;0,"*",SUM(L701:L701))),SUM(L701:L701))</f>
        <v>0</v>
      </c>
      <c r="K701" s="201" t="str">
        <f>IF(OR(COUNTIF(L701:L701,"未確認")&gt;0,COUNTIF(L701:L701,"*")&gt;0),"※","")</f>
        <v/>
      </c>
      <c r="L701" s="117"/>
    </row>
    <row r="702" spans="1:22" s="118" customFormat="1" ht="56.1" customHeight="1" x14ac:dyDescent="0.15">
      <c r="A702" s="252" t="s">
        <v>963</v>
      </c>
      <c r="B702" s="119"/>
      <c r="C702" s="324" t="s">
        <v>505</v>
      </c>
      <c r="D702" s="325"/>
      <c r="E702" s="325"/>
      <c r="F702" s="325"/>
      <c r="G702" s="325"/>
      <c r="H702" s="326"/>
      <c r="I702" s="122" t="s">
        <v>506</v>
      </c>
      <c r="J702" s="116">
        <f>IF(SUM(L702:L702)=0,IF(COUNTIF(L702:L702,"未確認")&gt;0,"未確認",IF(COUNTIF(L702:L702,"~*")&gt;0,"*",SUM(L702:L702))),SUM(L702:L702))</f>
        <v>0</v>
      </c>
      <c r="K702" s="201" t="str">
        <f>IF(OR(COUNTIF(L702:L702,"未確認")&gt;0,COUNTIF(L702:L702,"*")&gt;0),"※","")</f>
        <v/>
      </c>
      <c r="L702" s="117"/>
    </row>
    <row r="703" spans="1:22" s="118" customFormat="1" ht="70.150000000000006" customHeight="1" x14ac:dyDescent="0.15">
      <c r="A703" s="252" t="s">
        <v>964</v>
      </c>
      <c r="B703" s="119"/>
      <c r="C703" s="327" t="s">
        <v>1003</v>
      </c>
      <c r="D703" s="328"/>
      <c r="E703" s="328"/>
      <c r="F703" s="328"/>
      <c r="G703" s="328"/>
      <c r="H703" s="329"/>
      <c r="I703" s="122" t="s">
        <v>508</v>
      </c>
      <c r="J703" s="116">
        <f>IF(SUM(L703:L703)=0,IF(COUNTIF(L703:L703,"未確認")&gt;0,"未確認",IF(COUNTIF(L703:L703,"~*")&gt;0,"*",SUM(L703:L703))),SUM(L703:L703))</f>
        <v>0</v>
      </c>
      <c r="K703" s="201" t="str">
        <f>IF(OR(COUNTIF(L703:L703,"未確認")&gt;0,COUNTIF(L703:L703,"*")&gt;0),"※","")</f>
        <v/>
      </c>
      <c r="L703" s="117"/>
    </row>
    <row r="704" spans="1:22" s="118" customFormat="1" ht="56.1" customHeight="1" x14ac:dyDescent="0.15">
      <c r="A704" s="246" t="s">
        <v>965</v>
      </c>
      <c r="B704" s="119"/>
      <c r="C704" s="324" t="s">
        <v>509</v>
      </c>
      <c r="D704" s="325"/>
      <c r="E704" s="325"/>
      <c r="F704" s="325"/>
      <c r="G704" s="325"/>
      <c r="H704" s="326"/>
      <c r="I704" s="122" t="s">
        <v>510</v>
      </c>
      <c r="J704" s="116">
        <f>IF(SUM(L704:L704)=0,IF(COUNTIF(L704:L704,"未確認")&gt;0,"未確認",IF(COUNTIF(L704:L704,"~*")&gt;0,"*",SUM(L704:L704))),SUM(L704:L704))</f>
        <v>0</v>
      </c>
      <c r="K704" s="201" t="str">
        <f>IF(OR(COUNTIF(L704:L704,"未確認")&gt;0,COUNTIF(L704:L704,"*")&gt;0),"※","")</f>
        <v/>
      </c>
      <c r="L704" s="117"/>
    </row>
    <row r="705" spans="1:22" s="118" customFormat="1" ht="70.150000000000006" customHeight="1" x14ac:dyDescent="0.15">
      <c r="A705" s="252" t="s">
        <v>966</v>
      </c>
      <c r="B705" s="119"/>
      <c r="C705" s="324" t="s">
        <v>511</v>
      </c>
      <c r="D705" s="325"/>
      <c r="E705" s="325"/>
      <c r="F705" s="325"/>
      <c r="G705" s="325"/>
      <c r="H705" s="326"/>
      <c r="I705" s="122" t="s">
        <v>512</v>
      </c>
      <c r="J705" s="116">
        <f>IF(SUM(L705:L705)=0,IF(COUNTIF(L705:L705,"未確認")&gt;0,"未確認",IF(COUNTIF(L705:L705,"~*")&gt;0,"*",SUM(L705:L705))),SUM(L705:L705))</f>
        <v>0</v>
      </c>
      <c r="K705" s="201" t="str">
        <f>IF(OR(COUNTIF(L705:L705,"未確認")&gt;0,COUNTIF(L705:L705,"*")&gt;0),"※","")</f>
        <v/>
      </c>
      <c r="L705" s="117"/>
    </row>
    <row r="706" spans="1:22" s="91" customFormat="1" x14ac:dyDescent="0.15">
      <c r="A706" s="243"/>
      <c r="B706" s="18"/>
      <c r="C706" s="18"/>
      <c r="D706" s="18"/>
      <c r="E706" s="18"/>
      <c r="F706" s="18"/>
      <c r="G706" s="18"/>
      <c r="H706" s="14"/>
      <c r="I706" s="14"/>
      <c r="J706" s="88"/>
      <c r="K706" s="89"/>
      <c r="L706" s="90"/>
    </row>
    <row r="707" spans="1:22" s="83" customFormat="1" x14ac:dyDescent="0.15">
      <c r="A707" s="243"/>
      <c r="B707" s="84"/>
      <c r="C707" s="62"/>
      <c r="D707" s="62"/>
      <c r="E707" s="62"/>
      <c r="F707" s="62"/>
      <c r="G707" s="62"/>
      <c r="H707" s="92"/>
      <c r="I707" s="92"/>
      <c r="J707" s="88"/>
      <c r="K707" s="89"/>
      <c r="L707" s="90"/>
    </row>
    <row r="708" spans="1:22" s="83" customFormat="1" x14ac:dyDescent="0.15">
      <c r="A708" s="243"/>
      <c r="B708" s="84"/>
      <c r="C708" s="62"/>
      <c r="D708" s="62"/>
      <c r="E708" s="62"/>
      <c r="F708" s="62"/>
      <c r="G708" s="62"/>
      <c r="H708" s="92"/>
      <c r="I708" s="92"/>
      <c r="J708" s="88"/>
      <c r="K708" s="89"/>
      <c r="L708" s="90"/>
    </row>
    <row r="709" spans="1:22" s="115" customFormat="1" x14ac:dyDescent="0.15">
      <c r="A709" s="243"/>
      <c r="C709" s="3"/>
      <c r="D709" s="3"/>
      <c r="E709" s="3"/>
      <c r="F709" s="3"/>
      <c r="G709" s="3"/>
      <c r="H709" s="286"/>
      <c r="I709" s="286"/>
      <c r="J709" s="61"/>
      <c r="K709" s="31"/>
      <c r="L709" s="108"/>
    </row>
    <row r="710" spans="1:22" s="115" customFormat="1" x14ac:dyDescent="0.15">
      <c r="A710" s="243"/>
      <c r="B710" s="18" t="s">
        <v>513</v>
      </c>
      <c r="C710" s="3"/>
      <c r="D710" s="3"/>
      <c r="E710" s="3"/>
      <c r="F710" s="3"/>
      <c r="G710" s="3"/>
      <c r="H710" s="286"/>
      <c r="I710" s="286"/>
      <c r="J710" s="61"/>
      <c r="K710" s="31"/>
      <c r="L710" s="108"/>
    </row>
    <row r="711" spans="1:22" x14ac:dyDescent="0.15">
      <c r="A711" s="243"/>
      <c r="B711" s="18"/>
      <c r="C711" s="18"/>
      <c r="D711" s="18"/>
      <c r="E711" s="18"/>
      <c r="F711" s="18"/>
      <c r="G711" s="18"/>
      <c r="H711" s="14"/>
      <c r="I711" s="14"/>
      <c r="J711" s="63"/>
      <c r="K711" s="31"/>
      <c r="L711" s="76"/>
      <c r="M711" s="8"/>
      <c r="N711" s="8"/>
      <c r="O711" s="8"/>
      <c r="P711" s="8"/>
      <c r="Q711" s="8"/>
      <c r="R711" s="8"/>
      <c r="S711" s="8"/>
      <c r="T711" s="8"/>
      <c r="U711" s="8"/>
      <c r="V711" s="8"/>
    </row>
    <row r="712" spans="1:22" ht="34.5" customHeight="1" x14ac:dyDescent="0.15">
      <c r="A712" s="243"/>
      <c r="B712" s="18"/>
      <c r="C712" s="3"/>
      <c r="D712" s="3"/>
      <c r="F712" s="3"/>
      <c r="G712" s="3"/>
      <c r="H712" s="286"/>
      <c r="I712" s="286"/>
      <c r="J712" s="77" t="s">
        <v>35</v>
      </c>
      <c r="K712" s="185"/>
      <c r="L712" s="66" t="s">
        <v>1051</v>
      </c>
      <c r="M712" s="8"/>
      <c r="N712" s="8"/>
      <c r="O712" s="8"/>
      <c r="P712" s="8"/>
      <c r="Q712" s="8"/>
      <c r="R712" s="8"/>
      <c r="S712" s="8"/>
      <c r="T712" s="8"/>
      <c r="U712" s="8"/>
      <c r="V712" s="8"/>
    </row>
    <row r="713" spans="1:22" ht="20.25" customHeight="1" x14ac:dyDescent="0.15">
      <c r="A713" s="243"/>
      <c r="B713" s="1"/>
      <c r="C713" s="62"/>
      <c r="D713" s="3"/>
      <c r="F713" s="3"/>
      <c r="G713" s="3"/>
      <c r="H713" s="286"/>
      <c r="I713" s="67" t="s">
        <v>36</v>
      </c>
      <c r="J713" s="68"/>
      <c r="K713" s="186"/>
      <c r="L713" s="70" t="s">
        <v>1052</v>
      </c>
      <c r="M713" s="8"/>
      <c r="N713" s="8"/>
      <c r="O713" s="8"/>
      <c r="P713" s="8"/>
      <c r="Q713" s="8"/>
      <c r="R713" s="8"/>
      <c r="S713" s="8"/>
      <c r="T713" s="8"/>
      <c r="U713" s="8"/>
      <c r="V713" s="8"/>
    </row>
    <row r="714" spans="1:22" s="118" customFormat="1" ht="56.1" customHeight="1" x14ac:dyDescent="0.15">
      <c r="A714" s="252" t="s">
        <v>967</v>
      </c>
      <c r="B714" s="115"/>
      <c r="C714" s="324" t="s">
        <v>514</v>
      </c>
      <c r="D714" s="325"/>
      <c r="E714" s="325"/>
      <c r="F714" s="325"/>
      <c r="G714" s="325"/>
      <c r="H714" s="326"/>
      <c r="I714" s="122" t="s">
        <v>515</v>
      </c>
      <c r="J714" s="116">
        <f>IF(SUM(L714:L714)=0,IF(COUNTIF(L714:L714,"未確認")&gt;0,"未確認",IF(COUNTIF(L714:L714,"~*")&gt;0,"*",SUM(L714:L714))),SUM(L714:L714))</f>
        <v>0</v>
      </c>
      <c r="K714" s="201" t="str">
        <f>IF(OR(COUNTIF(L714:L714,"未確認")&gt;0,COUNTIF(L714:L714,"*")&gt;0),"※","")</f>
        <v/>
      </c>
      <c r="L714" s="117"/>
    </row>
    <row r="715" spans="1:22" s="118" customFormat="1" ht="70.150000000000006" customHeight="1" x14ac:dyDescent="0.15">
      <c r="A715" s="252" t="s">
        <v>968</v>
      </c>
      <c r="B715" s="119"/>
      <c r="C715" s="324" t="s">
        <v>516</v>
      </c>
      <c r="D715" s="325"/>
      <c r="E715" s="325"/>
      <c r="F715" s="325"/>
      <c r="G715" s="325"/>
      <c r="H715" s="326"/>
      <c r="I715" s="122" t="s">
        <v>517</v>
      </c>
      <c r="J715" s="116">
        <f>IF(SUM(L715:L715)=0,IF(COUNTIF(L715:L715,"未確認")&gt;0,"未確認",IF(COUNTIF(L715:L715,"~*")&gt;0,"*",SUM(L715:L715))),SUM(L715:L715))</f>
        <v>0</v>
      </c>
      <c r="K715" s="201" t="str">
        <f>IF(OR(COUNTIF(L715:L715,"未確認")&gt;0,COUNTIF(L715:L715,"*")&gt;0),"※","")</f>
        <v/>
      </c>
      <c r="L715" s="117"/>
    </row>
    <row r="716" spans="1:22" s="118" customFormat="1" ht="70.150000000000006" customHeight="1" x14ac:dyDescent="0.15">
      <c r="A716" s="252" t="s">
        <v>969</v>
      </c>
      <c r="B716" s="119"/>
      <c r="C716" s="327" t="s">
        <v>1004</v>
      </c>
      <c r="D716" s="328"/>
      <c r="E716" s="328"/>
      <c r="F716" s="328"/>
      <c r="G716" s="328"/>
      <c r="H716" s="329"/>
      <c r="I716" s="122" t="s">
        <v>519</v>
      </c>
      <c r="J716" s="116">
        <f>IF(SUM(L716:L716)=0,IF(COUNTIF(L716:L716,"未確認")&gt;0,"未確認",IF(COUNTIF(L716:L716,"~*")&gt;0,"*",SUM(L716:L716))),SUM(L716:L716))</f>
        <v>0</v>
      </c>
      <c r="K716" s="201" t="str">
        <f>IF(OR(COUNTIF(L716:L716,"未確認")&gt;0,COUNTIF(L716:L716,"*")&gt;0),"※","")</f>
        <v/>
      </c>
      <c r="L716" s="117"/>
    </row>
    <row r="717" spans="1:22" s="118" customFormat="1" ht="70.150000000000006" customHeight="1" x14ac:dyDescent="0.15">
      <c r="A717" s="252" t="s">
        <v>970</v>
      </c>
      <c r="B717" s="119"/>
      <c r="C717" s="327" t="s">
        <v>1005</v>
      </c>
      <c r="D717" s="328"/>
      <c r="E717" s="328"/>
      <c r="F717" s="328"/>
      <c r="G717" s="328"/>
      <c r="H717" s="329"/>
      <c r="I717" s="122" t="s">
        <v>521</v>
      </c>
      <c r="J717" s="116">
        <f>IF(SUM(L717:L717)=0,IF(COUNTIF(L717:L717,"未確認")&gt;0,"未確認",IF(COUNTIF(L717:L717,"~*")&gt;0,"*",SUM(L717:L717))),SUM(L717:L717))</f>
        <v>0</v>
      </c>
      <c r="K717" s="201" t="str">
        <f>IF(OR(COUNTIF(L717:L717,"未確認")&gt;0,COUNTIF(L717:L717,"*")&gt;0),"※","")</f>
        <v/>
      </c>
      <c r="L717" s="117"/>
    </row>
    <row r="718" spans="1:22" s="91" customFormat="1" x14ac:dyDescent="0.15">
      <c r="A718" s="243"/>
      <c r="B718" s="18"/>
      <c r="C718" s="18"/>
      <c r="D718" s="18"/>
      <c r="E718" s="18"/>
      <c r="F718" s="18"/>
      <c r="G718" s="18"/>
      <c r="H718" s="14"/>
      <c r="I718" s="14"/>
      <c r="J718" s="88"/>
      <c r="K718" s="89"/>
      <c r="L718" s="90"/>
      <c r="M718" s="90"/>
      <c r="N718" s="90"/>
      <c r="O718" s="90"/>
      <c r="P718" s="90"/>
      <c r="Q718" s="90"/>
      <c r="R718" s="90"/>
      <c r="S718" s="90"/>
      <c r="T718" s="90"/>
      <c r="U718" s="90"/>
      <c r="V718" s="90"/>
    </row>
    <row r="719" spans="1:22" s="83" customFormat="1" x14ac:dyDescent="0.15">
      <c r="A719" s="243"/>
      <c r="B719" s="84"/>
      <c r="C719" s="62"/>
      <c r="D719" s="62"/>
      <c r="E719" s="62"/>
      <c r="F719" s="62"/>
      <c r="G719" s="62"/>
      <c r="H719" s="92"/>
      <c r="I719" s="92"/>
      <c r="J719" s="88"/>
      <c r="K719" s="89"/>
      <c r="L719" s="90"/>
      <c r="M719" s="90"/>
      <c r="N719" s="90"/>
      <c r="O719" s="90"/>
      <c r="P719" s="90"/>
      <c r="Q719" s="90"/>
      <c r="R719" s="90"/>
      <c r="S719" s="90"/>
      <c r="T719" s="90"/>
      <c r="U719" s="90"/>
      <c r="V719" s="90"/>
    </row>
    <row r="720" spans="1:22" s="83" customFormat="1" x14ac:dyDescent="0.15">
      <c r="A720" s="243"/>
      <c r="B720" s="119"/>
      <c r="C720" s="119"/>
      <c r="D720" s="62"/>
      <c r="E720" s="62"/>
      <c r="F720" s="62"/>
      <c r="G720" s="62"/>
      <c r="H720" s="92"/>
      <c r="I720" s="167" t="s">
        <v>977</v>
      </c>
      <c r="J720" s="88"/>
      <c r="K720" s="89"/>
      <c r="L720" s="90"/>
      <c r="M720" s="90"/>
      <c r="N720" s="90"/>
      <c r="O720" s="90"/>
      <c r="P720" s="90"/>
      <c r="Q720" s="90"/>
      <c r="R720" s="90"/>
      <c r="S720" s="90"/>
      <c r="T720" s="90"/>
      <c r="U720" s="90"/>
      <c r="V720" s="90"/>
    </row>
    <row r="721" spans="1:23" s="91" customFormat="1" x14ac:dyDescent="0.15">
      <c r="A721" s="243"/>
      <c r="B721" s="18"/>
      <c r="C721" s="18"/>
      <c r="D721" s="18"/>
      <c r="E721" s="18"/>
      <c r="F721" s="18"/>
      <c r="G721" s="18"/>
      <c r="H721" s="14"/>
      <c r="I721" s="14"/>
      <c r="J721" s="88"/>
      <c r="K721" s="89"/>
      <c r="L721" s="90"/>
      <c r="M721" s="90"/>
      <c r="N721" s="90"/>
      <c r="O721" s="90"/>
      <c r="P721" s="90"/>
      <c r="Q721" s="90"/>
      <c r="R721" s="90"/>
      <c r="S721" s="90"/>
      <c r="T721" s="90"/>
      <c r="U721" s="90"/>
      <c r="V721" s="90"/>
    </row>
    <row r="722" spans="1:23" s="83" customFormat="1" x14ac:dyDescent="0.15">
      <c r="A722" s="243"/>
      <c r="B722" s="119"/>
      <c r="C722" s="119"/>
      <c r="D722" s="62"/>
      <c r="E722" s="62"/>
      <c r="F722" s="62"/>
      <c r="G722" s="62"/>
      <c r="H722" s="92"/>
      <c r="I722" s="92"/>
      <c r="J722" s="88"/>
      <c r="K722" s="89"/>
      <c r="L722" s="90"/>
      <c r="M722" s="90"/>
      <c r="N722" s="90"/>
      <c r="O722" s="90"/>
      <c r="P722" s="90"/>
      <c r="Q722" s="90"/>
      <c r="R722" s="90"/>
      <c r="S722" s="90"/>
      <c r="T722" s="90"/>
      <c r="U722" s="90"/>
      <c r="V722" s="90"/>
    </row>
    <row r="723" spans="1:23" s="118" customFormat="1" x14ac:dyDescent="0.15">
      <c r="A723" s="253"/>
      <c r="B723" s="173"/>
      <c r="C723" s="2"/>
      <c r="D723" s="2"/>
      <c r="E723" s="3"/>
      <c r="F723" s="2"/>
      <c r="G723" s="2"/>
      <c r="H723" s="4"/>
      <c r="I723" s="4"/>
      <c r="J723" s="5"/>
      <c r="K723" s="6"/>
      <c r="L723" s="5"/>
      <c r="M723" s="5"/>
      <c r="N723" s="7"/>
      <c r="O723" s="7"/>
      <c r="P723" s="7"/>
      <c r="Q723" s="7"/>
      <c r="R723" s="7"/>
      <c r="S723" s="7"/>
      <c r="T723" s="7"/>
      <c r="U723" s="7"/>
      <c r="V723" s="7"/>
      <c r="W723" s="8"/>
    </row>
    <row r="724" spans="1:23" s="118" customFormat="1" x14ac:dyDescent="0.15">
      <c r="A724" s="253"/>
      <c r="B724" s="173"/>
      <c r="C724" s="2"/>
      <c r="D724" s="2"/>
      <c r="E724" s="3"/>
      <c r="F724" s="2"/>
      <c r="G724" s="2"/>
      <c r="H724" s="4"/>
      <c r="I724" s="4"/>
      <c r="J724" s="5"/>
      <c r="K724" s="6"/>
      <c r="L724" s="5"/>
      <c r="M724" s="5"/>
      <c r="N724" s="7"/>
      <c r="O724" s="7"/>
      <c r="P724" s="7"/>
      <c r="Q724" s="7"/>
      <c r="R724" s="7"/>
      <c r="S724" s="7"/>
      <c r="T724" s="7"/>
      <c r="U724" s="7"/>
      <c r="V724" s="7"/>
      <c r="W724" s="8"/>
    </row>
    <row r="725" spans="1:23" s="118" customFormat="1" x14ac:dyDescent="0.15">
      <c r="A725" s="253"/>
      <c r="B725" s="173"/>
      <c r="C725" s="2"/>
      <c r="D725" s="2"/>
      <c r="E725" s="3"/>
      <c r="F725" s="2"/>
      <c r="G725" s="2"/>
      <c r="H725" s="4"/>
      <c r="I725" s="4"/>
      <c r="J725" s="5"/>
      <c r="K725" s="6"/>
      <c r="L725" s="5"/>
      <c r="M725" s="5"/>
      <c r="N725" s="7"/>
      <c r="O725" s="7"/>
      <c r="P725" s="7"/>
      <c r="Q725" s="7"/>
      <c r="R725" s="7"/>
      <c r="S725" s="7"/>
      <c r="T725" s="7"/>
      <c r="U725" s="7"/>
      <c r="V725" s="7"/>
      <c r="W725" s="8"/>
    </row>
    <row r="726" spans="1:23" s="118" customFormat="1" x14ac:dyDescent="0.15">
      <c r="A726" s="253"/>
      <c r="B726" s="173"/>
      <c r="C726" s="2"/>
      <c r="D726" s="2"/>
      <c r="E726" s="3"/>
      <c r="F726" s="2"/>
      <c r="G726" s="2"/>
      <c r="H726" s="4"/>
      <c r="I726" s="4"/>
      <c r="J726" s="5"/>
      <c r="K726" s="6"/>
      <c r="L726" s="5"/>
      <c r="M726" s="5"/>
      <c r="N726" s="7"/>
      <c r="O726" s="7"/>
      <c r="P726" s="7"/>
      <c r="Q726" s="7"/>
      <c r="R726" s="7"/>
      <c r="S726" s="7"/>
      <c r="T726" s="7"/>
      <c r="U726" s="7"/>
      <c r="V726" s="7"/>
      <c r="W726" s="8"/>
    </row>
    <row r="727" spans="1:23" s="118" customFormat="1" x14ac:dyDescent="0.15">
      <c r="A727" s="253"/>
      <c r="B727" s="173"/>
      <c r="C727" s="2"/>
      <c r="D727" s="2"/>
      <c r="E727" s="3"/>
      <c r="F727" s="2"/>
      <c r="G727" s="2"/>
      <c r="H727" s="4"/>
      <c r="I727" s="4"/>
      <c r="J727" s="5"/>
      <c r="K727" s="6"/>
      <c r="L727" s="5"/>
      <c r="M727" s="5"/>
      <c r="N727" s="7"/>
      <c r="O727" s="7"/>
      <c r="P727" s="7"/>
      <c r="Q727" s="7"/>
      <c r="R727" s="7"/>
      <c r="S727" s="7"/>
      <c r="T727" s="7"/>
      <c r="U727" s="7"/>
      <c r="V727" s="7"/>
      <c r="W727" s="8"/>
    </row>
    <row r="728" spans="1:23" s="118" customFormat="1" x14ac:dyDescent="0.15">
      <c r="A728" s="253"/>
      <c r="B728" s="8"/>
      <c r="C728" s="2"/>
      <c r="D728" s="2"/>
      <c r="E728" s="3"/>
      <c r="F728" s="2"/>
      <c r="G728" s="2"/>
      <c r="H728" s="4"/>
      <c r="I728" s="4"/>
      <c r="J728" s="5"/>
      <c r="K728" s="6"/>
      <c r="L728" s="5"/>
      <c r="M728" s="5"/>
      <c r="N728" s="7"/>
      <c r="O728" s="7"/>
      <c r="P728" s="7"/>
      <c r="Q728" s="7"/>
      <c r="R728" s="7"/>
      <c r="S728" s="7"/>
      <c r="T728" s="7"/>
      <c r="U728" s="7"/>
      <c r="V728" s="7"/>
      <c r="W728" s="8"/>
    </row>
    <row r="729" spans="1:23" s="118" customFormat="1" x14ac:dyDescent="0.15">
      <c r="A729" s="253"/>
      <c r="B729" s="8"/>
      <c r="C729" s="2"/>
      <c r="D729" s="2"/>
      <c r="E729" s="3"/>
      <c r="F729" s="2"/>
      <c r="G729" s="2"/>
      <c r="H729" s="4"/>
      <c r="I729" s="4"/>
      <c r="J729" s="5"/>
      <c r="K729" s="6"/>
      <c r="L729" s="5"/>
      <c r="M729" s="5"/>
      <c r="N729" s="7"/>
      <c r="O729" s="7"/>
      <c r="P729" s="7"/>
      <c r="Q729" s="7"/>
      <c r="R729" s="7"/>
      <c r="S729" s="7"/>
      <c r="T729" s="7"/>
      <c r="U729" s="7"/>
      <c r="V729" s="7"/>
      <c r="W729" s="8"/>
    </row>
    <row r="730" spans="1:23" s="118" customFormat="1" x14ac:dyDescent="0.15">
      <c r="A730" s="253"/>
      <c r="B730" s="8"/>
      <c r="C730" s="2"/>
      <c r="D730" s="2"/>
      <c r="E730" s="3"/>
      <c r="F730" s="2"/>
      <c r="G730" s="2"/>
      <c r="H730" s="4"/>
      <c r="I730" s="4"/>
      <c r="J730" s="5"/>
      <c r="K730" s="6"/>
      <c r="L730" s="5"/>
      <c r="M730" s="5"/>
      <c r="N730" s="7"/>
      <c r="O730" s="7"/>
      <c r="P730" s="7"/>
      <c r="Q730" s="7"/>
      <c r="R730" s="7"/>
      <c r="S730" s="7"/>
      <c r="T730" s="7"/>
      <c r="U730" s="7"/>
      <c r="V730" s="7"/>
      <c r="W730" s="8"/>
    </row>
  </sheetData>
  <mergeCells count="519">
    <mergeCell ref="C600:H600"/>
    <mergeCell ref="C90:G90"/>
    <mergeCell ref="I43:K43"/>
    <mergeCell ref="I44:K44"/>
    <mergeCell ref="I45:K45"/>
    <mergeCell ref="I46:K46"/>
    <mergeCell ref="D67:L67"/>
    <mergeCell ref="D68:L68"/>
    <mergeCell ref="J86:L86"/>
    <mergeCell ref="J82:L82"/>
    <mergeCell ref="J87:L87"/>
    <mergeCell ref="C83:G83"/>
    <mergeCell ref="H80:I80"/>
    <mergeCell ref="H81:I81"/>
    <mergeCell ref="J80:L80"/>
    <mergeCell ref="J85:L85"/>
    <mergeCell ref="J81:L81"/>
    <mergeCell ref="H78:I78"/>
    <mergeCell ref="J78:L78"/>
    <mergeCell ref="C84:G84"/>
    <mergeCell ref="J83:L83"/>
    <mergeCell ref="E117:F117"/>
    <mergeCell ref="C79:G79"/>
    <mergeCell ref="C86:F86"/>
    <mergeCell ref="C80:G80"/>
    <mergeCell ref="C87:F87"/>
    <mergeCell ref="D69:L69"/>
    <mergeCell ref="D70:L70"/>
    <mergeCell ref="D71:L71"/>
    <mergeCell ref="C78:G78"/>
    <mergeCell ref="C85:F85"/>
    <mergeCell ref="H79:I79"/>
    <mergeCell ref="J79:L79"/>
    <mergeCell ref="J84:L84"/>
    <mergeCell ref="G107:H107"/>
    <mergeCell ref="E108:H108"/>
    <mergeCell ref="E109:H109"/>
    <mergeCell ref="C106:D109"/>
    <mergeCell ref="E116:H116"/>
    <mergeCell ref="C81:G81"/>
    <mergeCell ref="C88:F88"/>
    <mergeCell ref="C82:G82"/>
    <mergeCell ref="C89:F89"/>
    <mergeCell ref="C98:H98"/>
    <mergeCell ref="E106:H106"/>
    <mergeCell ref="C110:D118"/>
    <mergeCell ref="E110:H110"/>
    <mergeCell ref="E111:F111"/>
    <mergeCell ref="G111:H111"/>
    <mergeCell ref="E112:F112"/>
    <mergeCell ref="G112:H112"/>
    <mergeCell ref="E113:H113"/>
    <mergeCell ref="E114:F114"/>
    <mergeCell ref="I20:K20"/>
    <mergeCell ref="I29:K29"/>
    <mergeCell ref="I30:K30"/>
    <mergeCell ref="I31:K31"/>
    <mergeCell ref="B4:D4"/>
    <mergeCell ref="I16:K16"/>
    <mergeCell ref="I17:K17"/>
    <mergeCell ref="I18:K18"/>
    <mergeCell ref="I19:K19"/>
    <mergeCell ref="I21:K21"/>
    <mergeCell ref="I22:K22"/>
    <mergeCell ref="I23:K23"/>
    <mergeCell ref="I9:K9"/>
    <mergeCell ref="I10:K10"/>
    <mergeCell ref="I11:K11"/>
    <mergeCell ref="I152:I227"/>
    <mergeCell ref="C153:H153"/>
    <mergeCell ref="C154:H154"/>
    <mergeCell ref="C155:H155"/>
    <mergeCell ref="C156:H156"/>
    <mergeCell ref="C157:H157"/>
    <mergeCell ref="G115:H115"/>
    <mergeCell ref="C119:H119"/>
    <mergeCell ref="C127:H127"/>
    <mergeCell ref="I127:I130"/>
    <mergeCell ref="E128:H130"/>
    <mergeCell ref="C138:H138"/>
    <mergeCell ref="I138:I144"/>
    <mergeCell ref="E139:H139"/>
    <mergeCell ref="C140:H140"/>
    <mergeCell ref="E141:H141"/>
    <mergeCell ref="C162:H162"/>
    <mergeCell ref="C164:H164"/>
    <mergeCell ref="C163:H163"/>
    <mergeCell ref="C172:H172"/>
    <mergeCell ref="C173:H173"/>
    <mergeCell ref="C174:H174"/>
    <mergeCell ref="I106:I119"/>
    <mergeCell ref="E107:F107"/>
    <mergeCell ref="C158:H158"/>
    <mergeCell ref="C159:H159"/>
    <mergeCell ref="C160:H160"/>
    <mergeCell ref="C161:H161"/>
    <mergeCell ref="C142:H142"/>
    <mergeCell ref="E143:H143"/>
    <mergeCell ref="C144:H144"/>
    <mergeCell ref="C152:H152"/>
    <mergeCell ref="G114:H114"/>
    <mergeCell ref="E115:F115"/>
    <mergeCell ref="G117:H117"/>
    <mergeCell ref="E118:F118"/>
    <mergeCell ref="G118:H118"/>
    <mergeCell ref="C178:H178"/>
    <mergeCell ref="C165:H165"/>
    <mergeCell ref="C166:H166"/>
    <mergeCell ref="C168:H168"/>
    <mergeCell ref="C169:H169"/>
    <mergeCell ref="C170:H170"/>
    <mergeCell ref="C171:H171"/>
    <mergeCell ref="C167:H167"/>
    <mergeCell ref="C177:H177"/>
    <mergeCell ref="C175:H175"/>
    <mergeCell ref="C176:H176"/>
    <mergeCell ref="C185:H185"/>
    <mergeCell ref="C186:H186"/>
    <mergeCell ref="C187:H187"/>
    <mergeCell ref="C188:H188"/>
    <mergeCell ref="C189:H189"/>
    <mergeCell ref="C190:H190"/>
    <mergeCell ref="C179:H179"/>
    <mergeCell ref="C180:H180"/>
    <mergeCell ref="C181:H181"/>
    <mergeCell ref="C182:H182"/>
    <mergeCell ref="C183:H183"/>
    <mergeCell ref="C184:H184"/>
    <mergeCell ref="C197:H197"/>
    <mergeCell ref="C198:H198"/>
    <mergeCell ref="C199:H199"/>
    <mergeCell ref="C200:H200"/>
    <mergeCell ref="C201:H201"/>
    <mergeCell ref="C202:H202"/>
    <mergeCell ref="C191:H191"/>
    <mergeCell ref="C192:H192"/>
    <mergeCell ref="C193:H193"/>
    <mergeCell ref="C194:H194"/>
    <mergeCell ref="C195:H195"/>
    <mergeCell ref="C196:H196"/>
    <mergeCell ref="C209:H209"/>
    <mergeCell ref="C210:H210"/>
    <mergeCell ref="C211:H211"/>
    <mergeCell ref="C212:H212"/>
    <mergeCell ref="C213:H213"/>
    <mergeCell ref="C227:H227"/>
    <mergeCell ref="C203:H203"/>
    <mergeCell ref="C204:H204"/>
    <mergeCell ref="C205:H205"/>
    <mergeCell ref="C206:H206"/>
    <mergeCell ref="C207:H207"/>
    <mergeCell ref="C208:H208"/>
    <mergeCell ref="C215:H215"/>
    <mergeCell ref="C216:H216"/>
    <mergeCell ref="C221:H221"/>
    <mergeCell ref="C222:H222"/>
    <mergeCell ref="C223:H223"/>
    <mergeCell ref="C224:H224"/>
    <mergeCell ref="C225:H225"/>
    <mergeCell ref="C214:H214"/>
    <mergeCell ref="C217:H217"/>
    <mergeCell ref="C218:H218"/>
    <mergeCell ref="C219:H219"/>
    <mergeCell ref="C220:H220"/>
    <mergeCell ref="C254:H254"/>
    <mergeCell ref="C262:H262"/>
    <mergeCell ref="C263:H263"/>
    <mergeCell ref="C264:H264"/>
    <mergeCell ref="C272:F273"/>
    <mergeCell ref="G272:H272"/>
    <mergeCell ref="C235:H235"/>
    <mergeCell ref="C243:H243"/>
    <mergeCell ref="I243:I245"/>
    <mergeCell ref="C244:H244"/>
    <mergeCell ref="C245:H245"/>
    <mergeCell ref="C253:H253"/>
    <mergeCell ref="G279:H279"/>
    <mergeCell ref="C280:F281"/>
    <mergeCell ref="G280:H280"/>
    <mergeCell ref="G281:H281"/>
    <mergeCell ref="C282:F283"/>
    <mergeCell ref="G282:H282"/>
    <mergeCell ref="G283:H283"/>
    <mergeCell ref="I272:I299"/>
    <mergeCell ref="G273:H273"/>
    <mergeCell ref="C274:F275"/>
    <mergeCell ref="G274:H274"/>
    <mergeCell ref="G275:H275"/>
    <mergeCell ref="C276:F277"/>
    <mergeCell ref="G276:H276"/>
    <mergeCell ref="G277:H277"/>
    <mergeCell ref="C278:F279"/>
    <mergeCell ref="G278:H278"/>
    <mergeCell ref="C288:F289"/>
    <mergeCell ref="G288:H288"/>
    <mergeCell ref="G289:H289"/>
    <mergeCell ref="C290:F291"/>
    <mergeCell ref="G290:H290"/>
    <mergeCell ref="G291:H291"/>
    <mergeCell ref="C284:F285"/>
    <mergeCell ref="G284:H284"/>
    <mergeCell ref="G285:H285"/>
    <mergeCell ref="C286:F287"/>
    <mergeCell ref="G286:H286"/>
    <mergeCell ref="G287:H287"/>
    <mergeCell ref="C296:F297"/>
    <mergeCell ref="G296:H296"/>
    <mergeCell ref="G297:H297"/>
    <mergeCell ref="C298:F299"/>
    <mergeCell ref="G298:H298"/>
    <mergeCell ref="G299:H299"/>
    <mergeCell ref="C292:F293"/>
    <mergeCell ref="G292:H292"/>
    <mergeCell ref="G293:H293"/>
    <mergeCell ref="C294:F295"/>
    <mergeCell ref="G294:H294"/>
    <mergeCell ref="G295:H295"/>
    <mergeCell ref="C310:F311"/>
    <mergeCell ref="G310:H310"/>
    <mergeCell ref="G311:H311"/>
    <mergeCell ref="C312:F313"/>
    <mergeCell ref="G312:H312"/>
    <mergeCell ref="G313:H313"/>
    <mergeCell ref="C304:F305"/>
    <mergeCell ref="G304:H304"/>
    <mergeCell ref="I304:I323"/>
    <mergeCell ref="G305:H305"/>
    <mergeCell ref="C306:F307"/>
    <mergeCell ref="G306:H306"/>
    <mergeCell ref="G307:H307"/>
    <mergeCell ref="C308:F309"/>
    <mergeCell ref="G308:H308"/>
    <mergeCell ref="C318:F319"/>
    <mergeCell ref="G318:H318"/>
    <mergeCell ref="G319:H319"/>
    <mergeCell ref="C320:F321"/>
    <mergeCell ref="G320:H320"/>
    <mergeCell ref="G321:H321"/>
    <mergeCell ref="C314:F315"/>
    <mergeCell ref="I351:I354"/>
    <mergeCell ref="G352:H352"/>
    <mergeCell ref="G353:H353"/>
    <mergeCell ref="I331:I343"/>
    <mergeCell ref="C332:F343"/>
    <mergeCell ref="G332:G333"/>
    <mergeCell ref="E365:H365"/>
    <mergeCell ref="E366:H366"/>
    <mergeCell ref="C355:D357"/>
    <mergeCell ref="E355:H355"/>
    <mergeCell ref="I355:I357"/>
    <mergeCell ref="E356:H356"/>
    <mergeCell ref="G342:G343"/>
    <mergeCell ref="C351:D354"/>
    <mergeCell ref="E351:F353"/>
    <mergeCell ref="G351:H351"/>
    <mergeCell ref="E354:H354"/>
    <mergeCell ref="C331:H331"/>
    <mergeCell ref="E361:H361"/>
    <mergeCell ref="E362:H362"/>
    <mergeCell ref="E363:H363"/>
    <mergeCell ref="E364:H364"/>
    <mergeCell ref="E357:H357"/>
    <mergeCell ref="C358:D367"/>
    <mergeCell ref="I399:I404"/>
    <mergeCell ref="D400:D402"/>
    <mergeCell ref="E400:H400"/>
    <mergeCell ref="E401:H401"/>
    <mergeCell ref="E402:H402"/>
    <mergeCell ref="D403:H403"/>
    <mergeCell ref="D404:H404"/>
    <mergeCell ref="I359:I360"/>
    <mergeCell ref="E360:H360"/>
    <mergeCell ref="E367:H367"/>
    <mergeCell ref="C376:H380"/>
    <mergeCell ref="I376:I380"/>
    <mergeCell ref="E359:H359"/>
    <mergeCell ref="I412:I429"/>
    <mergeCell ref="D413:D419"/>
    <mergeCell ref="E413:H413"/>
    <mergeCell ref="E414:H414"/>
    <mergeCell ref="E415:H415"/>
    <mergeCell ref="E416:H416"/>
    <mergeCell ref="E418:H418"/>
    <mergeCell ref="E419:H419"/>
    <mergeCell ref="D420:H420"/>
    <mergeCell ref="D421:D429"/>
    <mergeCell ref="E421:H421"/>
    <mergeCell ref="E422:H422"/>
    <mergeCell ref="E423:H423"/>
    <mergeCell ref="E424:H424"/>
    <mergeCell ref="E425:H425"/>
    <mergeCell ref="E427:H427"/>
    <mergeCell ref="E428:H428"/>
    <mergeCell ref="E429:H429"/>
    <mergeCell ref="E426:H426"/>
    <mergeCell ref="E417:H417"/>
    <mergeCell ref="C226:H226"/>
    <mergeCell ref="C450:H450"/>
    <mergeCell ref="E438:H438"/>
    <mergeCell ref="E439:H439"/>
    <mergeCell ref="E440:H440"/>
    <mergeCell ref="E441:H441"/>
    <mergeCell ref="C412:C429"/>
    <mergeCell ref="D412:H412"/>
    <mergeCell ref="C399:C404"/>
    <mergeCell ref="D399:H399"/>
    <mergeCell ref="G334:G335"/>
    <mergeCell ref="G336:G337"/>
    <mergeCell ref="G338:G339"/>
    <mergeCell ref="G340:G341"/>
    <mergeCell ref="G314:H314"/>
    <mergeCell ref="G315:H315"/>
    <mergeCell ref="C316:F317"/>
    <mergeCell ref="G316:H316"/>
    <mergeCell ref="G317:H317"/>
    <mergeCell ref="C322:F323"/>
    <mergeCell ref="G322:H322"/>
    <mergeCell ref="G323:H323"/>
    <mergeCell ref="E358:H358"/>
    <mergeCell ref="G309:H309"/>
    <mergeCell ref="I450:I455"/>
    <mergeCell ref="E451:H451"/>
    <mergeCell ref="E452:H452"/>
    <mergeCell ref="C453:H453"/>
    <mergeCell ref="E454:H454"/>
    <mergeCell ref="E455:H455"/>
    <mergeCell ref="C437:H437"/>
    <mergeCell ref="I437:I441"/>
    <mergeCell ref="C475:H475"/>
    <mergeCell ref="I475:I487"/>
    <mergeCell ref="D476:D487"/>
    <mergeCell ref="E476:H476"/>
    <mergeCell ref="E477:H477"/>
    <mergeCell ref="E478:H478"/>
    <mergeCell ref="E479:H479"/>
    <mergeCell ref="E480:H480"/>
    <mergeCell ref="E481:H481"/>
    <mergeCell ref="E482:H482"/>
    <mergeCell ref="E483:H483"/>
    <mergeCell ref="E484:H484"/>
    <mergeCell ref="E485:H485"/>
    <mergeCell ref="E486:H486"/>
    <mergeCell ref="E487:H487"/>
    <mergeCell ref="I488:I500"/>
    <mergeCell ref="D489:D500"/>
    <mergeCell ref="E489:H489"/>
    <mergeCell ref="E490:H490"/>
    <mergeCell ref="E491:H491"/>
    <mergeCell ref="E492:H492"/>
    <mergeCell ref="E493:H493"/>
    <mergeCell ref="E494:H494"/>
    <mergeCell ref="E495:H495"/>
    <mergeCell ref="E496:H496"/>
    <mergeCell ref="C488:H488"/>
    <mergeCell ref="C523:H523"/>
    <mergeCell ref="C503:H503"/>
    <mergeCell ref="C510:F510"/>
    <mergeCell ref="C511:H511"/>
    <mergeCell ref="C512:H512"/>
    <mergeCell ref="C513:H513"/>
    <mergeCell ref="C514:H514"/>
    <mergeCell ref="E497:H497"/>
    <mergeCell ref="E498:H498"/>
    <mergeCell ref="E499:H499"/>
    <mergeCell ref="E500:H500"/>
    <mergeCell ref="C501:H501"/>
    <mergeCell ref="C502:H502"/>
    <mergeCell ref="C540:H540"/>
    <mergeCell ref="C541:H541"/>
    <mergeCell ref="C542:H542"/>
    <mergeCell ref="I542:I543"/>
    <mergeCell ref="C543:H543"/>
    <mergeCell ref="C544:H544"/>
    <mergeCell ref="C525:H525"/>
    <mergeCell ref="C529:F529"/>
    <mergeCell ref="C530:H530"/>
    <mergeCell ref="C534:F534"/>
    <mergeCell ref="C535:H535"/>
    <mergeCell ref="C539:F539"/>
    <mergeCell ref="C558:H558"/>
    <mergeCell ref="C559:H559"/>
    <mergeCell ref="C560:H560"/>
    <mergeCell ref="C561:H561"/>
    <mergeCell ref="C562:H562"/>
    <mergeCell ref="C563:H563"/>
    <mergeCell ref="C545:H545"/>
    <mergeCell ref="C553:H553"/>
    <mergeCell ref="C554:H554"/>
    <mergeCell ref="C555:H555"/>
    <mergeCell ref="C556:H556"/>
    <mergeCell ref="C557:H557"/>
    <mergeCell ref="C564:H564"/>
    <mergeCell ref="C565:H565"/>
    <mergeCell ref="C567:H567"/>
    <mergeCell ref="D568:H568"/>
    <mergeCell ref="D569:H569"/>
    <mergeCell ref="D570:H570"/>
    <mergeCell ref="D571:H571"/>
    <mergeCell ref="D572:H572"/>
    <mergeCell ref="D574:H574"/>
    <mergeCell ref="C566:H566"/>
    <mergeCell ref="D573:H573"/>
    <mergeCell ref="I603:I604"/>
    <mergeCell ref="E604:H604"/>
    <mergeCell ref="C605:H605"/>
    <mergeCell ref="I605:I606"/>
    <mergeCell ref="E606:H606"/>
    <mergeCell ref="D587:H587"/>
    <mergeCell ref="D588:H588"/>
    <mergeCell ref="C598:H598"/>
    <mergeCell ref="C599:H599"/>
    <mergeCell ref="I567:I590"/>
    <mergeCell ref="C583:H583"/>
    <mergeCell ref="D584:H584"/>
    <mergeCell ref="D585:H585"/>
    <mergeCell ref="D586:H586"/>
    <mergeCell ref="C575:H575"/>
    <mergeCell ref="D576:H576"/>
    <mergeCell ref="D577:H577"/>
    <mergeCell ref="D578:H578"/>
    <mergeCell ref="D579:H579"/>
    <mergeCell ref="D580:H580"/>
    <mergeCell ref="D581:H581"/>
    <mergeCell ref="D582:H582"/>
    <mergeCell ref="D589:H589"/>
    <mergeCell ref="D590:H590"/>
    <mergeCell ref="C607:H607"/>
    <mergeCell ref="C608:H608"/>
    <mergeCell ref="C609:H609"/>
    <mergeCell ref="C610:H610"/>
    <mergeCell ref="C611:H611"/>
    <mergeCell ref="C612:H612"/>
    <mergeCell ref="C601:H601"/>
    <mergeCell ref="C602:H602"/>
    <mergeCell ref="C603:H603"/>
    <mergeCell ref="C613:H613"/>
    <mergeCell ref="C621:H621"/>
    <mergeCell ref="C622:H622"/>
    <mergeCell ref="C625:H625"/>
    <mergeCell ref="C627:H627"/>
    <mergeCell ref="C623:H623"/>
    <mergeCell ref="C624:H624"/>
    <mergeCell ref="C626:H626"/>
    <mergeCell ref="I621:I623"/>
    <mergeCell ref="C641:H641"/>
    <mergeCell ref="C642:H642"/>
    <mergeCell ref="C643:H643"/>
    <mergeCell ref="C644:H644"/>
    <mergeCell ref="C645:H645"/>
    <mergeCell ref="C646:H646"/>
    <mergeCell ref="C628:H628"/>
    <mergeCell ref="C629:H629"/>
    <mergeCell ref="C630:H630"/>
    <mergeCell ref="C631:H631"/>
    <mergeCell ref="C639:H639"/>
    <mergeCell ref="C640:H640"/>
    <mergeCell ref="E660:H660"/>
    <mergeCell ref="E661:H661"/>
    <mergeCell ref="E662:H662"/>
    <mergeCell ref="C663:H663"/>
    <mergeCell ref="C665:H665"/>
    <mergeCell ref="C666:H666"/>
    <mergeCell ref="C664:H664"/>
    <mergeCell ref="C654:H654"/>
    <mergeCell ref="E655:H655"/>
    <mergeCell ref="E656:H656"/>
    <mergeCell ref="E657:H657"/>
    <mergeCell ref="E658:H658"/>
    <mergeCell ref="E659:H659"/>
    <mergeCell ref="C678:H678"/>
    <mergeCell ref="I678:I680"/>
    <mergeCell ref="E679:H679"/>
    <mergeCell ref="E680:F680"/>
    <mergeCell ref="G680:H680"/>
    <mergeCell ref="C681:H681"/>
    <mergeCell ref="I681:I682"/>
    <mergeCell ref="E682:H682"/>
    <mergeCell ref="C667:H667"/>
    <mergeCell ref="C668:H668"/>
    <mergeCell ref="C675:H675"/>
    <mergeCell ref="C676:H676"/>
    <mergeCell ref="C677:H677"/>
    <mergeCell ref="C716:H716"/>
    <mergeCell ref="C717:H717"/>
    <mergeCell ref="C702:H702"/>
    <mergeCell ref="C703:H703"/>
    <mergeCell ref="C704:H704"/>
    <mergeCell ref="C705:H705"/>
    <mergeCell ref="C714:H714"/>
    <mergeCell ref="C715:H715"/>
    <mergeCell ref="C683:H683"/>
    <mergeCell ref="C691:H691"/>
    <mergeCell ref="C692:H692"/>
    <mergeCell ref="C693:H693"/>
    <mergeCell ref="C701:H701"/>
    <mergeCell ref="C524:H524"/>
    <mergeCell ref="I33:K33"/>
    <mergeCell ref="I35:K35"/>
    <mergeCell ref="I36:K36"/>
    <mergeCell ref="I34:K34"/>
    <mergeCell ref="I59:K59"/>
    <mergeCell ref="I60:K60"/>
    <mergeCell ref="I24:K24"/>
    <mergeCell ref="I51:K51"/>
    <mergeCell ref="I52:K52"/>
    <mergeCell ref="I53:K53"/>
    <mergeCell ref="I54:K54"/>
    <mergeCell ref="I55:K55"/>
    <mergeCell ref="I56:K56"/>
    <mergeCell ref="I57:K57"/>
    <mergeCell ref="I58:K58"/>
    <mergeCell ref="I37:K37"/>
    <mergeCell ref="I32:K32"/>
    <mergeCell ref="I42:K42"/>
    <mergeCell ref="C515:H515"/>
    <mergeCell ref="C516:H516"/>
    <mergeCell ref="C517:H517"/>
    <mergeCell ref="C518:H518"/>
    <mergeCell ref="C522:F522"/>
  </mergeCells>
  <phoneticPr fontId="3"/>
  <hyperlinks>
    <hyperlink ref="J78:L78" location="病院!B471" display="・手術の状況"/>
    <hyperlink ref="J79:L79" location="病院!B507" display="・がん、脳卒中、心筋梗塞、分娩、精神医療への対応状況"/>
    <hyperlink ref="J80:L80" location="病院!B549" display="・重症患者への対応状況"/>
    <hyperlink ref="J81:L81" location="病院!B594" display="・救急医療の実施状況"/>
    <hyperlink ref="J82:L82" location="病院!B617" display="・急性期後の支援、在宅復帰の支援の状況"/>
    <hyperlink ref="J83:L83" location="病院!B635" display="・全身管理の状況"/>
    <hyperlink ref="J85:L85" location="病院!B687" display="・長期療養患者の受入状況"/>
    <hyperlink ref="J84:L84" location="病院!B650" display="・リハビリテーションの実施状況"/>
    <hyperlink ref="J86:L86" location="病院!B697" display="・重度の障害児等の受入状況"/>
    <hyperlink ref="J87:L87" location="病院!B710" display="・医科歯科の連携状況"/>
    <hyperlink ref="C78:G78" location="病院!B94" display="・設置主体"/>
    <hyperlink ref="C79:G79" location="病院!B102" display="・病床の状況"/>
    <hyperlink ref="C80:G80" location="病院!B113" display="・診療科"/>
    <hyperlink ref="C81:G81" location="病院!B134" display="・入院基本料・特定入院料及び届出病床数"/>
    <hyperlink ref="C82:G82" location="病院!B148" display="・算定する入院基本用・特定入院料等の状況"/>
    <hyperlink ref="C83:G83" location="病院!B231" display="・DPC医療機関群の種類"/>
    <hyperlink ref="C84:G84" location="病院!B239" display="・救急告示病院、二次救急医療施設、三次救急医療施設の告示・認定の有無"/>
    <hyperlink ref="C85:F85" location="病院!B249" display="・承認の有無"/>
    <hyperlink ref="C86:F86" location="病院!B258" display="・診療報酬の届出の有無"/>
    <hyperlink ref="C87:F87" location="病院!B268" display="・職員数の状況"/>
    <hyperlink ref="C88:F88" location="病院!B327" display="・退院調整部門の設置状況"/>
    <hyperlink ref="C89:F89" location="病院!B347" display="・医療機器の台数"/>
    <hyperlink ref="C90:G90" location="病院!B372" display="・過去1年間の間に病棟の再編・見直しがあった場合の報告対象期間"/>
    <hyperlink ref="I383" location="病院!B66" display="メニューへ戻る"/>
    <hyperlink ref="H78:I78" location="病院!B395" display="・入院患者の状況（年間）"/>
    <hyperlink ref="H79:I79" location="病院!B408" display="・入院患者の状況（年間／入棟前の場所・退棟先の場所の状況）"/>
    <hyperlink ref="H80:I80" location="病院!B433" display="・退院後に在宅医療を必要とする患者の状況"/>
    <hyperlink ref="H81:I81" location="病院!B445" display="・看取りを行った患者数"/>
    <hyperlink ref="I458" location="病院!B66" display="メニューへ戻る"/>
    <hyperlink ref="I720" location="病院!B66" display="メニューへ戻る"/>
    <hyperlink ref="B4:D4" r:id="rId1" display="診療時間やアクセス方法等の情報はこちら"/>
  </hyperlinks>
  <printOptions horizontalCentered="1"/>
  <pageMargins left="0.19685039370078741" right="0.19685039370078741" top="0.39370078740157483" bottom="0.43307086614173229" header="0.19685039370078741" footer="0.19685039370078741"/>
  <pageSetup paperSize="9" scale="20" fitToHeight="0" orientation="landscape" useFirstPageNumber="1" verticalDpi="300" r:id="rId2"/>
  <headerFooter>
    <oddFooter>&amp;C&amp;14&amp;P</oddFooter>
  </headerFooter>
  <rowBreaks count="23" manualBreakCount="23">
    <brk id="28" max="70" man="1"/>
    <brk id="60" max="70" man="1"/>
    <brk id="91" max="70" man="1"/>
    <brk id="118" max="70" man="1"/>
    <brk id="133" max="70" man="1"/>
    <brk id="230" max="70" man="1"/>
    <brk id="257" max="70" man="1"/>
    <brk id="285" max="70" man="1"/>
    <brk id="300" max="70" man="1"/>
    <brk id="326" max="70" man="1"/>
    <brk id="357" max="70" man="1"/>
    <brk id="371" max="70" man="1"/>
    <brk id="408" max="70" man="1"/>
    <brk id="434" max="70" man="1"/>
    <brk id="471" max="70" man="1"/>
    <brk id="541" max="70" man="1"/>
    <brk id="580" max="70" man="1"/>
    <brk id="604" max="70" man="1"/>
    <brk id="624" max="70" man="1"/>
    <brk id="641" max="70" man="1"/>
    <brk id="659" max="70" man="1"/>
    <brk id="679" max="70" man="1"/>
    <brk id="704" max="7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W702"/>
  <sheetViews>
    <sheetView showGridLines="0" topLeftCell="A481" zoomScale="70" zoomScaleNormal="70" workbookViewId="0">
      <selection activeCell="C174" sqref="C174:H174"/>
    </sheetView>
  </sheetViews>
  <sheetFormatPr defaultColWidth="9" defaultRowHeight="17.25" x14ac:dyDescent="0.15"/>
  <cols>
    <col min="1" max="1" width="8.875" style="235"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24" width="9" style="8" customWidth="1"/>
    <col min="25" max="16384" width="9" style="8"/>
  </cols>
  <sheetData>
    <row r="1" spans="1:23" x14ac:dyDescent="0.15">
      <c r="A1" s="232"/>
      <c r="B1" s="1"/>
    </row>
    <row r="2" spans="1:23" x14ac:dyDescent="0.15">
      <c r="A2" s="232"/>
      <c r="B2" s="1"/>
      <c r="I2" s="9"/>
    </row>
    <row r="3" spans="1:23" ht="18.75" x14ac:dyDescent="0.15">
      <c r="A3" s="232"/>
      <c r="B3" s="10" t="s">
        <v>523</v>
      </c>
      <c r="C3" s="11"/>
      <c r="D3" s="11"/>
      <c r="E3" s="11"/>
      <c r="F3" s="11"/>
      <c r="G3" s="11"/>
      <c r="H3" s="9"/>
    </row>
    <row r="4" spans="1:23" x14ac:dyDescent="0.15">
      <c r="A4" s="232"/>
      <c r="B4" s="12" t="s">
        <v>524</v>
      </c>
      <c r="C4" s="13"/>
      <c r="D4" s="13"/>
      <c r="E4" s="13"/>
      <c r="F4" s="13"/>
      <c r="G4" s="13"/>
      <c r="H4" s="14"/>
      <c r="I4" s="14"/>
    </row>
    <row r="5" spans="1:23" x14ac:dyDescent="0.15">
      <c r="A5" s="232"/>
      <c r="B5" s="438" t="s">
        <v>546</v>
      </c>
      <c r="C5" s="439"/>
      <c r="D5" s="439"/>
      <c r="E5" s="15"/>
      <c r="F5" s="15"/>
      <c r="G5" s="15"/>
      <c r="H5" s="16"/>
      <c r="I5" s="16"/>
    </row>
    <row r="6" spans="1:23" x14ac:dyDescent="0.15">
      <c r="A6" s="232"/>
      <c r="B6" s="17"/>
    </row>
    <row r="7" spans="1:23" x14ac:dyDescent="0.15">
      <c r="A7" s="232"/>
      <c r="B7" s="17"/>
    </row>
    <row r="8" spans="1:23" s="21" customFormat="1" x14ac:dyDescent="0.15">
      <c r="A8" s="232"/>
      <c r="B8" s="18" t="s">
        <v>0</v>
      </c>
      <c r="C8" s="19"/>
      <c r="D8" s="19"/>
      <c r="E8" s="19"/>
      <c r="F8" s="19"/>
      <c r="G8" s="19"/>
      <c r="H8" s="20"/>
      <c r="I8" s="20"/>
      <c r="J8" s="5"/>
      <c r="K8" s="6"/>
      <c r="L8" s="5"/>
      <c r="M8" s="5"/>
      <c r="N8" s="7"/>
      <c r="O8" s="7"/>
      <c r="P8" s="7"/>
      <c r="Q8" s="7"/>
      <c r="R8" s="7"/>
      <c r="S8" s="7"/>
      <c r="T8" s="7"/>
      <c r="U8" s="7"/>
      <c r="V8" s="7"/>
      <c r="W8" s="8"/>
    </row>
    <row r="9" spans="1:23" s="21" customFormat="1" x14ac:dyDescent="0.15">
      <c r="A9" s="232"/>
      <c r="B9" s="18"/>
      <c r="C9" s="18"/>
      <c r="D9" s="18"/>
      <c r="E9" s="18"/>
      <c r="F9" s="18"/>
      <c r="G9" s="18"/>
      <c r="H9" s="14"/>
      <c r="I9" s="14"/>
      <c r="J9" s="5"/>
      <c r="K9" s="6"/>
      <c r="L9" s="5"/>
      <c r="M9" s="5"/>
      <c r="N9" s="7"/>
      <c r="O9" s="7"/>
      <c r="P9" s="7"/>
      <c r="Q9" s="7"/>
      <c r="R9" s="7"/>
      <c r="S9" s="7"/>
      <c r="T9" s="7"/>
      <c r="U9" s="7"/>
      <c r="V9" s="7"/>
      <c r="W9" s="8"/>
    </row>
    <row r="10" spans="1:23" s="21" customFormat="1" x14ac:dyDescent="0.15">
      <c r="A10" s="232"/>
      <c r="B10" s="22"/>
      <c r="C10" s="19"/>
      <c r="D10" s="19"/>
      <c r="E10" s="19"/>
      <c r="F10" s="19"/>
      <c r="G10" s="19"/>
      <c r="H10" s="20"/>
      <c r="I10" s="428" t="s">
        <v>1</v>
      </c>
      <c r="J10" s="428"/>
      <c r="K10" s="428"/>
      <c r="L10" s="440" t="s">
        <v>522</v>
      </c>
      <c r="M10" s="440"/>
      <c r="N10" s="440"/>
      <c r="O10" s="440"/>
      <c r="P10" s="440"/>
      <c r="Q10" s="441"/>
    </row>
    <row r="11" spans="1:23" s="21" customFormat="1" ht="34.5" customHeight="1" x14ac:dyDescent="0.15">
      <c r="A11" s="232"/>
      <c r="B11" s="17"/>
      <c r="C11" s="19"/>
      <c r="D11" s="19"/>
      <c r="E11" s="19"/>
      <c r="F11" s="19"/>
      <c r="G11" s="19"/>
      <c r="H11" s="20"/>
      <c r="I11" s="426" t="s">
        <v>2</v>
      </c>
      <c r="J11" s="426"/>
      <c r="K11" s="426"/>
      <c r="L11" s="23"/>
      <c r="M11" s="23"/>
      <c r="N11" s="23"/>
      <c r="O11" s="23"/>
      <c r="P11" s="23"/>
      <c r="Q11" s="23"/>
    </row>
    <row r="12" spans="1:23" s="21" customFormat="1" ht="34.5" customHeight="1" x14ac:dyDescent="0.15">
      <c r="A12" s="232"/>
      <c r="B12" s="24"/>
      <c r="C12" s="19"/>
      <c r="D12" s="19"/>
      <c r="E12" s="19"/>
      <c r="F12" s="19"/>
      <c r="G12" s="19"/>
      <c r="H12" s="20"/>
      <c r="I12" s="426" t="s">
        <v>3</v>
      </c>
      <c r="J12" s="426"/>
      <c r="K12" s="426"/>
      <c r="L12" s="25"/>
      <c r="M12" s="25"/>
      <c r="N12" s="25"/>
      <c r="O12" s="25"/>
      <c r="P12" s="25"/>
      <c r="Q12" s="25"/>
    </row>
    <row r="13" spans="1:23" s="21" customFormat="1" ht="34.5" customHeight="1" x14ac:dyDescent="0.15">
      <c r="A13" s="232"/>
      <c r="B13" s="24"/>
      <c r="C13" s="19"/>
      <c r="D13" s="19"/>
      <c r="E13" s="19"/>
      <c r="F13" s="19"/>
      <c r="G13" s="19"/>
      <c r="H13" s="20"/>
      <c r="I13" s="426" t="s">
        <v>4</v>
      </c>
      <c r="J13" s="426"/>
      <c r="K13" s="426"/>
      <c r="L13" s="27"/>
      <c r="M13" s="27"/>
      <c r="N13" s="27"/>
      <c r="O13" s="27"/>
      <c r="P13" s="27"/>
      <c r="Q13" s="27"/>
    </row>
    <row r="14" spans="1:23" s="21" customFormat="1" ht="34.5" customHeight="1" x14ac:dyDescent="0.15">
      <c r="A14" s="232"/>
      <c r="B14" s="17"/>
      <c r="C14" s="19"/>
      <c r="D14" s="19"/>
      <c r="E14" s="19"/>
      <c r="F14" s="19"/>
      <c r="G14" s="19"/>
      <c r="H14" s="20"/>
      <c r="I14" s="426" t="s">
        <v>5</v>
      </c>
      <c r="J14" s="426"/>
      <c r="K14" s="426"/>
      <c r="L14" s="28" t="s">
        <v>525</v>
      </c>
      <c r="M14" s="28" t="s">
        <v>527</v>
      </c>
      <c r="N14" s="28" t="s">
        <v>528</v>
      </c>
      <c r="O14" s="28" t="s">
        <v>529</v>
      </c>
      <c r="P14" s="28" t="s">
        <v>530</v>
      </c>
      <c r="Q14" s="28" t="s">
        <v>531</v>
      </c>
    </row>
    <row r="15" spans="1:23" s="21" customFormat="1" ht="34.5" customHeight="1" x14ac:dyDescent="0.15">
      <c r="A15" s="232"/>
      <c r="B15" s="17"/>
      <c r="C15" s="19"/>
      <c r="D15" s="19"/>
      <c r="E15" s="19"/>
      <c r="F15" s="19"/>
      <c r="G15" s="19"/>
      <c r="H15" s="20"/>
      <c r="I15" s="426" t="s">
        <v>6</v>
      </c>
      <c r="J15" s="426"/>
      <c r="K15" s="426"/>
      <c r="L15" s="29"/>
      <c r="M15" s="29"/>
      <c r="N15" s="29"/>
      <c r="O15" s="29"/>
      <c r="P15" s="29"/>
      <c r="Q15" s="29"/>
      <c r="R15" s="8"/>
    </row>
    <row r="16" spans="1:23" s="21" customFormat="1" x14ac:dyDescent="0.15">
      <c r="A16" s="232"/>
      <c r="B16" s="17"/>
      <c r="C16" s="2"/>
      <c r="D16" s="2"/>
      <c r="E16" s="3"/>
      <c r="F16" s="2"/>
      <c r="G16" s="30"/>
      <c r="H16" s="4"/>
      <c r="I16" s="4"/>
      <c r="J16" s="5"/>
      <c r="K16" s="31"/>
      <c r="L16" s="7"/>
      <c r="M16" s="7"/>
      <c r="N16" s="7"/>
      <c r="O16" s="7"/>
      <c r="P16" s="7"/>
      <c r="Q16" s="7"/>
      <c r="R16" s="8"/>
    </row>
    <row r="17" spans="1:22" x14ac:dyDescent="0.15">
      <c r="A17" s="232"/>
      <c r="B17" s="17"/>
      <c r="K17" s="31"/>
      <c r="L17" s="7"/>
      <c r="M17" s="7"/>
      <c r="R17" s="8"/>
      <c r="S17" s="8"/>
      <c r="T17" s="8"/>
      <c r="U17" s="8"/>
      <c r="V17" s="8"/>
    </row>
    <row r="18" spans="1:22" s="21" customFormat="1" x14ac:dyDescent="0.15">
      <c r="A18" s="232"/>
      <c r="B18" s="18" t="s">
        <v>7</v>
      </c>
      <c r="C18" s="19"/>
      <c r="D18" s="19"/>
      <c r="E18" s="19"/>
      <c r="F18" s="19"/>
      <c r="G18" s="19"/>
      <c r="H18" s="20"/>
      <c r="I18" s="20"/>
      <c r="J18" s="5"/>
      <c r="K18" s="31"/>
      <c r="L18" s="7"/>
      <c r="M18" s="7"/>
      <c r="N18" s="7"/>
      <c r="O18" s="7"/>
      <c r="P18" s="7"/>
      <c r="Q18" s="7"/>
      <c r="R18" s="8"/>
    </row>
    <row r="19" spans="1:22" s="21" customFormat="1" x14ac:dyDescent="0.15">
      <c r="A19" s="232"/>
      <c r="B19" s="18"/>
      <c r="C19" s="18"/>
      <c r="D19" s="18"/>
      <c r="E19" s="18"/>
      <c r="F19" s="18"/>
      <c r="G19" s="18"/>
      <c r="H19" s="14"/>
      <c r="I19" s="14"/>
      <c r="J19" s="5"/>
      <c r="K19" s="31"/>
      <c r="L19" s="7"/>
      <c r="M19" s="7"/>
      <c r="N19" s="7"/>
      <c r="O19" s="7"/>
      <c r="P19" s="7"/>
      <c r="Q19" s="7"/>
      <c r="R19" s="8"/>
    </row>
    <row r="20" spans="1:22" s="21" customFormat="1" x14ac:dyDescent="0.15">
      <c r="A20" s="232"/>
      <c r="B20" s="22"/>
      <c r="C20" s="19"/>
      <c r="D20" s="19"/>
      <c r="E20" s="19"/>
      <c r="F20" s="19"/>
      <c r="G20" s="19"/>
      <c r="H20" s="20"/>
      <c r="I20" s="321" t="s">
        <v>1</v>
      </c>
      <c r="J20" s="322"/>
      <c r="K20" s="323"/>
      <c r="L20" s="440" t="s">
        <v>522</v>
      </c>
      <c r="M20" s="440"/>
      <c r="N20" s="440"/>
      <c r="O20" s="440"/>
      <c r="P20" s="440"/>
      <c r="Q20" s="441"/>
    </row>
    <row r="21" spans="1:22" s="21" customFormat="1" ht="34.5" customHeight="1" x14ac:dyDescent="0.15">
      <c r="A21" s="232"/>
      <c r="B21" s="17"/>
      <c r="C21" s="19"/>
      <c r="D21" s="19"/>
      <c r="E21" s="19"/>
      <c r="F21" s="19"/>
      <c r="G21" s="19"/>
      <c r="H21" s="20"/>
      <c r="I21" s="310" t="s">
        <v>2</v>
      </c>
      <c r="J21" s="311"/>
      <c r="K21" s="312"/>
      <c r="L21" s="23"/>
      <c r="M21" s="23"/>
      <c r="N21" s="23"/>
      <c r="O21" s="23"/>
      <c r="P21" s="23"/>
      <c r="Q21" s="23"/>
    </row>
    <row r="22" spans="1:22" s="21" customFormat="1" ht="34.5" customHeight="1" x14ac:dyDescent="0.15">
      <c r="A22" s="232"/>
      <c r="B22" s="24"/>
      <c r="C22" s="19"/>
      <c r="D22" s="19"/>
      <c r="E22" s="19"/>
      <c r="F22" s="19"/>
      <c r="G22" s="19"/>
      <c r="H22" s="20"/>
      <c r="I22" s="310" t="s">
        <v>3</v>
      </c>
      <c r="J22" s="311"/>
      <c r="K22" s="312"/>
      <c r="L22" s="25"/>
      <c r="M22" s="25"/>
      <c r="N22" s="25"/>
      <c r="O22" s="25"/>
      <c r="P22" s="25"/>
      <c r="Q22" s="25"/>
    </row>
    <row r="23" spans="1:22" s="21" customFormat="1" ht="34.5" customHeight="1" x14ac:dyDescent="0.15">
      <c r="A23" s="232"/>
      <c r="B23" s="24"/>
      <c r="C23" s="19"/>
      <c r="D23" s="19"/>
      <c r="E23" s="19"/>
      <c r="F23" s="19"/>
      <c r="G23" s="19"/>
      <c r="H23" s="20"/>
      <c r="I23" s="310" t="s">
        <v>4</v>
      </c>
      <c r="J23" s="311"/>
      <c r="K23" s="312"/>
      <c r="L23" s="27"/>
      <c r="M23" s="27"/>
      <c r="N23" s="27"/>
      <c r="O23" s="27"/>
      <c r="P23" s="27"/>
      <c r="Q23" s="27"/>
    </row>
    <row r="24" spans="1:22" s="21" customFormat="1" ht="34.5" customHeight="1" x14ac:dyDescent="0.15">
      <c r="A24" s="232"/>
      <c r="B24" s="17"/>
      <c r="C24" s="19"/>
      <c r="D24" s="19"/>
      <c r="E24" s="19"/>
      <c r="F24" s="19"/>
      <c r="G24" s="19"/>
      <c r="H24" s="20"/>
      <c r="I24" s="310" t="s">
        <v>5</v>
      </c>
      <c r="J24" s="311"/>
      <c r="K24" s="312"/>
      <c r="L24" s="28" t="s">
        <v>525</v>
      </c>
      <c r="M24" s="28" t="s">
        <v>527</v>
      </c>
      <c r="N24" s="28" t="s">
        <v>528</v>
      </c>
      <c r="O24" s="28" t="s">
        <v>529</v>
      </c>
      <c r="P24" s="28" t="s">
        <v>530</v>
      </c>
      <c r="Q24" s="28" t="s">
        <v>531</v>
      </c>
    </row>
    <row r="25" spans="1:22" s="21" customFormat="1" ht="34.5" customHeight="1" x14ac:dyDescent="0.15">
      <c r="A25" s="232"/>
      <c r="B25" s="17"/>
      <c r="C25" s="19"/>
      <c r="D25" s="19"/>
      <c r="E25" s="19"/>
      <c r="F25" s="19"/>
      <c r="G25" s="19"/>
      <c r="H25" s="20"/>
      <c r="I25" s="310" t="s">
        <v>6</v>
      </c>
      <c r="J25" s="311"/>
      <c r="K25" s="312"/>
      <c r="L25" s="29"/>
      <c r="M25" s="29"/>
      <c r="N25" s="29"/>
      <c r="O25" s="29"/>
      <c r="P25" s="29"/>
      <c r="Q25" s="29"/>
      <c r="R25" s="8"/>
    </row>
    <row r="26" spans="1:22" s="33" customFormat="1" ht="34.5" customHeight="1" x14ac:dyDescent="0.15">
      <c r="A26" s="232"/>
      <c r="B26" s="17"/>
      <c r="C26" s="19"/>
      <c r="D26" s="19"/>
      <c r="E26" s="19"/>
      <c r="F26" s="19"/>
      <c r="G26" s="19"/>
      <c r="H26" s="20"/>
      <c r="I26" s="310" t="s">
        <v>8</v>
      </c>
      <c r="J26" s="311"/>
      <c r="K26" s="312"/>
      <c r="L26" s="29"/>
      <c r="M26" s="29"/>
      <c r="N26" s="29"/>
      <c r="O26" s="29"/>
      <c r="P26" s="29"/>
      <c r="Q26" s="29"/>
      <c r="R26" s="32"/>
    </row>
    <row r="27" spans="1:22" s="21" customFormat="1" x14ac:dyDescent="0.15">
      <c r="A27" s="232"/>
      <c r="B27" s="17"/>
      <c r="C27" s="2"/>
      <c r="D27" s="2"/>
      <c r="E27" s="3"/>
      <c r="F27" s="2"/>
      <c r="G27" s="34"/>
      <c r="H27" s="4"/>
      <c r="I27" s="4"/>
      <c r="J27" s="5"/>
      <c r="K27" s="31"/>
      <c r="L27" s="7"/>
      <c r="M27" s="7"/>
      <c r="N27" s="7"/>
      <c r="O27" s="7"/>
      <c r="P27" s="7"/>
      <c r="Q27" s="7"/>
      <c r="R27" s="8"/>
    </row>
    <row r="28" spans="1:22" s="21" customFormat="1" x14ac:dyDescent="0.15">
      <c r="A28" s="232"/>
      <c r="B28" s="17"/>
      <c r="C28" s="2"/>
      <c r="D28" s="2"/>
      <c r="E28" s="3"/>
      <c r="F28" s="2"/>
      <c r="G28" s="34"/>
      <c r="H28" s="4"/>
      <c r="I28" s="4"/>
      <c r="J28" s="5"/>
      <c r="K28" s="31"/>
      <c r="L28" s="7"/>
      <c r="M28" s="7"/>
      <c r="N28" s="7"/>
      <c r="O28" s="7"/>
      <c r="P28" s="7"/>
      <c r="Q28" s="7"/>
      <c r="R28" s="8"/>
    </row>
    <row r="29" spans="1:22" s="21" customFormat="1" x14ac:dyDescent="0.15">
      <c r="A29" s="232"/>
      <c r="B29" s="18" t="s">
        <v>9</v>
      </c>
      <c r="C29" s="19"/>
      <c r="D29" s="19"/>
      <c r="E29" s="19"/>
      <c r="F29" s="19"/>
      <c r="G29" s="19"/>
      <c r="H29" s="20"/>
      <c r="I29" s="20"/>
      <c r="J29" s="5"/>
      <c r="K29" s="31"/>
      <c r="L29" s="7"/>
      <c r="M29" s="7"/>
      <c r="N29" s="7"/>
      <c r="O29" s="7"/>
      <c r="P29" s="7"/>
      <c r="Q29" s="7"/>
      <c r="R29" s="8"/>
    </row>
    <row r="30" spans="1:22" s="21" customFormat="1" x14ac:dyDescent="0.15">
      <c r="A30" s="232"/>
      <c r="B30" s="18"/>
      <c r="C30" s="18"/>
      <c r="D30" s="18"/>
      <c r="E30" s="18"/>
      <c r="F30" s="18"/>
      <c r="G30" s="18"/>
      <c r="H30" s="14"/>
      <c r="I30" s="14"/>
      <c r="J30" s="5"/>
      <c r="K30" s="31"/>
      <c r="L30" s="7"/>
      <c r="M30" s="7"/>
      <c r="N30" s="7"/>
      <c r="O30" s="7"/>
      <c r="P30" s="7"/>
      <c r="Q30" s="7"/>
      <c r="R30" s="8"/>
    </row>
    <row r="31" spans="1:22" s="21" customFormat="1" x14ac:dyDescent="0.15">
      <c r="A31" s="232"/>
      <c r="B31" s="22"/>
      <c r="C31" s="19"/>
      <c r="D31" s="19"/>
      <c r="E31" s="19"/>
      <c r="F31" s="19"/>
      <c r="G31" s="19"/>
      <c r="H31" s="20"/>
      <c r="I31" s="321" t="s">
        <v>10</v>
      </c>
      <c r="J31" s="322"/>
      <c r="K31" s="323"/>
      <c r="L31" s="440" t="s">
        <v>522</v>
      </c>
      <c r="M31" s="440"/>
      <c r="N31" s="440"/>
      <c r="O31" s="440"/>
      <c r="P31" s="440"/>
      <c r="Q31" s="441"/>
    </row>
    <row r="32" spans="1:22" s="21" customFormat="1" ht="34.5" customHeight="1" x14ac:dyDescent="0.15">
      <c r="A32" s="232"/>
      <c r="B32" s="17"/>
      <c r="C32" s="19"/>
      <c r="D32" s="19"/>
      <c r="E32" s="19"/>
      <c r="F32" s="19"/>
      <c r="G32" s="19"/>
      <c r="H32" s="20"/>
      <c r="I32" s="310" t="s">
        <v>11</v>
      </c>
      <c r="J32" s="311"/>
      <c r="K32" s="312"/>
      <c r="L32" s="23"/>
      <c r="M32" s="23"/>
      <c r="N32" s="23"/>
      <c r="O32" s="23"/>
      <c r="P32" s="23"/>
      <c r="Q32" s="23"/>
    </row>
    <row r="33" spans="1:23" s="21" customFormat="1" ht="34.5" customHeight="1" x14ac:dyDescent="0.15">
      <c r="A33" s="232"/>
      <c r="B33" s="24"/>
      <c r="C33" s="19"/>
      <c r="D33" s="19"/>
      <c r="E33" s="19"/>
      <c r="F33" s="19"/>
      <c r="G33" s="19"/>
      <c r="H33" s="20"/>
      <c r="I33" s="310" t="s">
        <v>12</v>
      </c>
      <c r="J33" s="311"/>
      <c r="K33" s="312"/>
      <c r="L33" s="25"/>
      <c r="M33" s="25"/>
      <c r="N33" s="25"/>
      <c r="O33" s="25"/>
      <c r="P33" s="25"/>
      <c r="Q33" s="25"/>
    </row>
    <row r="34" spans="1:23" s="21" customFormat="1" ht="34.5" customHeight="1" x14ac:dyDescent="0.15">
      <c r="A34" s="232"/>
      <c r="B34" s="24"/>
      <c r="C34" s="19"/>
      <c r="D34" s="19"/>
      <c r="E34" s="19"/>
      <c r="F34" s="19"/>
      <c r="G34" s="19"/>
      <c r="H34" s="20"/>
      <c r="I34" s="310" t="s">
        <v>13</v>
      </c>
      <c r="J34" s="311"/>
      <c r="K34" s="312"/>
      <c r="L34" s="26"/>
      <c r="M34" s="26"/>
      <c r="N34" s="26"/>
      <c r="O34" s="26"/>
      <c r="P34" s="26"/>
      <c r="Q34" s="26"/>
    </row>
    <row r="35" spans="1:23" s="21" customFormat="1" ht="34.5" customHeight="1" x14ac:dyDescent="0.15">
      <c r="A35" s="232"/>
      <c r="B35" s="17"/>
      <c r="C35" s="19"/>
      <c r="D35" s="19"/>
      <c r="E35" s="19"/>
      <c r="F35" s="19"/>
      <c r="G35" s="19"/>
      <c r="H35" s="20"/>
      <c r="I35" s="310" t="s">
        <v>14</v>
      </c>
      <c r="J35" s="311"/>
      <c r="K35" s="312"/>
      <c r="L35" s="25"/>
      <c r="M35" s="25"/>
      <c r="N35" s="25"/>
      <c r="O35" s="25"/>
      <c r="P35" s="25"/>
      <c r="Q35" s="25"/>
    </row>
    <row r="36" spans="1:23" s="21" customFormat="1" x14ac:dyDescent="0.15">
      <c r="A36" s="232"/>
      <c r="B36" s="17"/>
      <c r="C36" s="2"/>
      <c r="D36" s="2"/>
      <c r="E36" s="3"/>
      <c r="F36" s="2"/>
      <c r="G36" s="34"/>
      <c r="H36" s="4"/>
      <c r="I36" s="4"/>
      <c r="J36" s="5"/>
      <c r="K36" s="31"/>
      <c r="L36" s="5"/>
      <c r="M36" s="5"/>
      <c r="N36" s="7"/>
      <c r="O36" s="7"/>
      <c r="P36" s="7"/>
      <c r="Q36" s="7"/>
      <c r="R36" s="7"/>
      <c r="S36" s="7"/>
      <c r="T36" s="7"/>
      <c r="U36" s="7"/>
      <c r="V36" s="7"/>
      <c r="W36" s="8"/>
    </row>
    <row r="37" spans="1:23" s="21" customFormat="1" x14ac:dyDescent="0.15">
      <c r="A37" s="232"/>
      <c r="B37" s="17"/>
      <c r="C37" s="2"/>
      <c r="D37" s="2"/>
      <c r="E37" s="3"/>
      <c r="F37" s="2"/>
      <c r="G37" s="30"/>
      <c r="H37" s="4"/>
      <c r="I37" s="4"/>
      <c r="J37" s="5"/>
      <c r="K37" s="31"/>
      <c r="L37" s="5"/>
      <c r="M37" s="5"/>
      <c r="N37" s="7"/>
      <c r="O37" s="7"/>
      <c r="P37" s="7"/>
      <c r="Q37" s="7"/>
      <c r="R37" s="7"/>
      <c r="S37" s="7"/>
      <c r="T37" s="7"/>
      <c r="U37" s="7"/>
      <c r="V37" s="7"/>
      <c r="W37" s="8"/>
    </row>
    <row r="38" spans="1:23" s="21" customFormat="1" x14ac:dyDescent="0.15">
      <c r="A38" s="232"/>
      <c r="B38" s="18"/>
      <c r="C38" s="35"/>
      <c r="D38" s="35"/>
      <c r="E38" s="35"/>
      <c r="F38" s="35"/>
      <c r="G38" s="35"/>
      <c r="H38" s="20"/>
      <c r="I38" s="20"/>
      <c r="J38" s="5"/>
      <c r="K38" s="31"/>
      <c r="L38" s="5"/>
      <c r="M38" s="5"/>
      <c r="N38" s="7"/>
      <c r="O38" s="7"/>
      <c r="P38" s="7"/>
      <c r="W38" s="8"/>
    </row>
    <row r="39" spans="1:23" s="21" customFormat="1" x14ac:dyDescent="0.15">
      <c r="A39" s="232"/>
      <c r="B39" s="1"/>
      <c r="C39" s="36" t="s">
        <v>15</v>
      </c>
      <c r="D39" s="53"/>
      <c r="E39" s="53"/>
      <c r="F39" s="53"/>
      <c r="G39" s="53"/>
      <c r="H39" s="53"/>
      <c r="I39" s="4"/>
      <c r="J39" s="37"/>
      <c r="K39" s="6"/>
      <c r="L39" s="5"/>
      <c r="M39" s="5"/>
      <c r="N39" s="7"/>
      <c r="O39" s="7"/>
      <c r="P39" s="7"/>
      <c r="Q39" s="7"/>
      <c r="R39" s="7"/>
      <c r="S39" s="7"/>
      <c r="T39" s="7"/>
      <c r="U39" s="7"/>
      <c r="V39" s="7"/>
      <c r="W39" s="8"/>
    </row>
    <row r="40" spans="1:23" s="21" customFormat="1" ht="34.5" customHeight="1" x14ac:dyDescent="0.15">
      <c r="A40" s="232"/>
      <c r="B40" s="1"/>
      <c r="C40" s="38"/>
      <c r="D40" s="435" t="s">
        <v>544</v>
      </c>
      <c r="E40" s="435"/>
      <c r="F40" s="435"/>
      <c r="G40" s="435"/>
      <c r="H40" s="435"/>
      <c r="I40" s="435"/>
      <c r="J40" s="435"/>
      <c r="K40" s="435"/>
      <c r="L40" s="435"/>
      <c r="M40" s="39"/>
      <c r="N40" s="39"/>
      <c r="O40" s="39"/>
      <c r="P40" s="39"/>
      <c r="Q40" s="40"/>
      <c r="R40" s="40"/>
      <c r="S40" s="40"/>
      <c r="T40" s="40"/>
      <c r="U40" s="40"/>
      <c r="V40" s="40"/>
      <c r="W40" s="8"/>
    </row>
    <row r="41" spans="1:23" s="21" customFormat="1" ht="34.5" customHeight="1" x14ac:dyDescent="0.15">
      <c r="A41" s="232"/>
      <c r="B41" s="1"/>
      <c r="C41" s="41"/>
      <c r="D41" s="434" t="s">
        <v>16</v>
      </c>
      <c r="E41" s="434"/>
      <c r="F41" s="434"/>
      <c r="G41" s="434"/>
      <c r="H41" s="434"/>
      <c r="I41" s="434"/>
      <c r="J41" s="434"/>
      <c r="K41" s="434"/>
      <c r="L41" s="434"/>
      <c r="M41" s="39"/>
      <c r="N41" s="39"/>
      <c r="O41" s="39"/>
      <c r="P41" s="39"/>
      <c r="Q41" s="40"/>
      <c r="R41" s="40"/>
      <c r="S41" s="40"/>
      <c r="T41" s="40"/>
      <c r="U41" s="40"/>
      <c r="V41" s="40"/>
      <c r="W41" s="8"/>
    </row>
    <row r="42" spans="1:23" s="21" customFormat="1" ht="34.5" customHeight="1" x14ac:dyDescent="0.15">
      <c r="A42" s="232"/>
      <c r="B42" s="1"/>
      <c r="C42" s="41"/>
      <c r="D42" s="434" t="s">
        <v>17</v>
      </c>
      <c r="E42" s="434"/>
      <c r="F42" s="434"/>
      <c r="G42" s="434"/>
      <c r="H42" s="434"/>
      <c r="I42" s="434"/>
      <c r="J42" s="434"/>
      <c r="K42" s="434"/>
      <c r="L42" s="434"/>
      <c r="M42" s="39"/>
      <c r="N42" s="39"/>
      <c r="O42" s="39"/>
      <c r="P42" s="39"/>
      <c r="Q42" s="40"/>
      <c r="R42" s="40"/>
      <c r="S42" s="40"/>
      <c r="T42" s="40"/>
      <c r="U42" s="40"/>
      <c r="V42" s="40"/>
      <c r="W42" s="8"/>
    </row>
    <row r="43" spans="1:23" s="21" customFormat="1" ht="34.5" customHeight="1" x14ac:dyDescent="0.15">
      <c r="A43" s="232"/>
      <c r="B43" s="1"/>
      <c r="C43" s="41"/>
      <c r="D43" s="434" t="s">
        <v>18</v>
      </c>
      <c r="E43" s="434"/>
      <c r="F43" s="434"/>
      <c r="G43" s="434"/>
      <c r="H43" s="434"/>
      <c r="I43" s="434"/>
      <c r="J43" s="434"/>
      <c r="K43" s="434"/>
      <c r="L43" s="434"/>
      <c r="M43" s="39"/>
      <c r="N43" s="39"/>
      <c r="O43" s="39"/>
      <c r="P43" s="39"/>
      <c r="Q43" s="40"/>
      <c r="R43" s="40"/>
      <c r="S43" s="40"/>
      <c r="T43" s="40"/>
      <c r="U43" s="40"/>
      <c r="V43" s="40"/>
      <c r="W43" s="8"/>
    </row>
    <row r="44" spans="1:23" s="21" customFormat="1" ht="34.5" customHeight="1" x14ac:dyDescent="0.15">
      <c r="A44" s="232"/>
      <c r="B44" s="1"/>
      <c r="C44" s="41"/>
      <c r="D44" s="434" t="s">
        <v>19</v>
      </c>
      <c r="E44" s="434"/>
      <c r="F44" s="434"/>
      <c r="G44" s="434"/>
      <c r="H44" s="434"/>
      <c r="I44" s="434"/>
      <c r="J44" s="434"/>
      <c r="K44" s="434"/>
      <c r="L44" s="434"/>
      <c r="M44" s="39"/>
      <c r="N44" s="39"/>
      <c r="O44" s="39"/>
      <c r="P44" s="39"/>
      <c r="Q44" s="40"/>
      <c r="R44" s="40"/>
      <c r="S44" s="40"/>
      <c r="T44" s="40"/>
      <c r="U44" s="40"/>
      <c r="V44" s="40"/>
      <c r="W44" s="8"/>
    </row>
    <row r="45" spans="1:23" s="21" customFormat="1" x14ac:dyDescent="0.15">
      <c r="A45" s="232"/>
      <c r="B45" s="18"/>
      <c r="C45" s="35"/>
      <c r="D45" s="35"/>
      <c r="E45" s="35"/>
      <c r="F45" s="35"/>
      <c r="G45" s="35"/>
      <c r="H45" s="20"/>
      <c r="I45" s="20"/>
      <c r="J45" s="5"/>
      <c r="K45" s="6"/>
      <c r="L45" s="5"/>
      <c r="M45" s="5"/>
      <c r="N45" s="7"/>
      <c r="O45" s="7"/>
      <c r="P45" s="7"/>
      <c r="W45" s="8"/>
    </row>
    <row r="46" spans="1:23" s="46" customFormat="1" x14ac:dyDescent="0.15">
      <c r="A46" s="233"/>
      <c r="B46" s="18"/>
      <c r="C46" s="42" t="s">
        <v>547</v>
      </c>
      <c r="F46" s="44"/>
      <c r="G46" s="42"/>
      <c r="H46" s="43" t="s">
        <v>548</v>
      </c>
      <c r="I46" s="43"/>
      <c r="J46" s="43" t="s">
        <v>549</v>
      </c>
      <c r="K46" s="45"/>
      <c r="L46" s="43"/>
      <c r="M46" s="44"/>
      <c r="N46" s="44"/>
      <c r="O46" s="44"/>
      <c r="P46" s="44"/>
      <c r="Q46" s="44"/>
      <c r="R46" s="44"/>
      <c r="S46" s="44"/>
      <c r="T46" s="44"/>
      <c r="U46" s="44"/>
    </row>
    <row r="47" spans="1:23" s="21" customFormat="1" x14ac:dyDescent="0.15">
      <c r="A47" s="232"/>
      <c r="B47" s="1"/>
      <c r="C47" s="47"/>
      <c r="D47" s="35"/>
      <c r="E47" s="35"/>
      <c r="F47" s="35"/>
      <c r="G47" s="35"/>
      <c r="H47" s="20"/>
      <c r="I47" s="53"/>
      <c r="J47" s="5"/>
      <c r="K47" s="6"/>
      <c r="L47" s="52"/>
      <c r="M47" s="52"/>
      <c r="N47" s="52"/>
      <c r="O47" s="52"/>
      <c r="P47" s="52"/>
      <c r="R47" s="49"/>
      <c r="S47" s="49"/>
      <c r="T47" s="49"/>
      <c r="U47" s="49"/>
      <c r="V47" s="49"/>
      <c r="W47" s="8"/>
    </row>
    <row r="48" spans="1:23" s="21" customFormat="1" x14ac:dyDescent="0.15">
      <c r="A48" s="232"/>
      <c r="B48" s="1"/>
      <c r="C48" s="40"/>
      <c r="D48" s="40"/>
      <c r="E48" s="40"/>
      <c r="F48" s="40"/>
      <c r="G48" s="40"/>
      <c r="H48" s="40"/>
      <c r="I48" s="40"/>
      <c r="J48" s="40"/>
      <c r="K48" s="50"/>
      <c r="L48" s="40"/>
      <c r="M48" s="40"/>
      <c r="N48" s="40"/>
      <c r="O48" s="40"/>
      <c r="P48" s="40"/>
      <c r="Q48" s="40"/>
      <c r="R48" s="40"/>
      <c r="S48" s="40"/>
      <c r="T48" s="40"/>
      <c r="U48" s="40"/>
      <c r="V48" s="40"/>
      <c r="W48" s="8"/>
    </row>
    <row r="49" spans="1:23" s="21" customFormat="1" x14ac:dyDescent="0.15">
      <c r="A49" s="232"/>
      <c r="B49" s="1"/>
      <c r="C49" s="51"/>
      <c r="D49" s="35"/>
      <c r="E49" s="35"/>
      <c r="F49" s="35"/>
      <c r="G49" s="35"/>
      <c r="H49" s="20"/>
      <c r="I49" s="53"/>
      <c r="J49" s="5"/>
      <c r="K49" s="6"/>
      <c r="L49" s="442"/>
      <c r="M49" s="442"/>
      <c r="N49" s="442"/>
      <c r="O49" s="442"/>
      <c r="P49" s="442"/>
      <c r="R49" s="49"/>
      <c r="S49" s="49"/>
      <c r="T49" s="49"/>
      <c r="U49" s="49"/>
      <c r="V49" s="49"/>
      <c r="W49" s="8"/>
    </row>
    <row r="50" spans="1:23" s="21" customFormat="1" x14ac:dyDescent="0.15">
      <c r="A50" s="232"/>
      <c r="B50" s="1"/>
      <c r="C50" s="51"/>
      <c r="D50" s="35"/>
      <c r="E50" s="35"/>
      <c r="F50" s="35"/>
      <c r="G50" s="35"/>
      <c r="H50" s="20"/>
      <c r="I50" s="53"/>
      <c r="J50" s="5"/>
      <c r="K50" s="6"/>
      <c r="L50" s="442"/>
      <c r="M50" s="442"/>
      <c r="N50" s="442"/>
      <c r="O50" s="442"/>
      <c r="P50" s="442"/>
      <c r="R50" s="49"/>
      <c r="S50" s="49"/>
      <c r="T50" s="49"/>
      <c r="U50" s="49"/>
      <c r="V50" s="49"/>
      <c r="W50" s="8"/>
    </row>
    <row r="51" spans="1:23" s="21" customFormat="1" x14ac:dyDescent="0.15">
      <c r="A51" s="232"/>
      <c r="B51" s="1"/>
      <c r="C51" s="427" t="s">
        <v>20</v>
      </c>
      <c r="D51" s="427"/>
      <c r="E51" s="427"/>
      <c r="F51" s="427"/>
      <c r="G51" s="427"/>
      <c r="H51" s="438" t="s">
        <v>214</v>
      </c>
      <c r="I51" s="438"/>
      <c r="J51" s="438" t="s">
        <v>270</v>
      </c>
      <c r="K51" s="438"/>
      <c r="L51" s="438"/>
      <c r="M51" s="438"/>
      <c r="N51" s="438"/>
      <c r="O51" s="52"/>
      <c r="P51" s="52"/>
      <c r="R51" s="49"/>
      <c r="S51" s="49"/>
      <c r="T51" s="49"/>
      <c r="U51" s="49"/>
      <c r="V51" s="49"/>
      <c r="W51" s="8"/>
    </row>
    <row r="52" spans="1:23" s="21" customFormat="1" x14ac:dyDescent="0.15">
      <c r="A52" s="232"/>
      <c r="B52" s="1"/>
      <c r="C52" s="427" t="s">
        <v>22</v>
      </c>
      <c r="D52" s="427"/>
      <c r="E52" s="427"/>
      <c r="F52" s="427"/>
      <c r="G52" s="427"/>
      <c r="H52" s="438" t="s">
        <v>215</v>
      </c>
      <c r="I52" s="438"/>
      <c r="J52" s="438" t="s">
        <v>272</v>
      </c>
      <c r="K52" s="438"/>
      <c r="L52" s="438"/>
      <c r="M52" s="438"/>
      <c r="N52" s="438"/>
      <c r="O52" s="52"/>
      <c r="P52" s="52"/>
      <c r="R52" s="37"/>
      <c r="S52" s="37"/>
      <c r="T52" s="37"/>
      <c r="U52" s="37"/>
      <c r="V52" s="37"/>
      <c r="W52" s="8"/>
    </row>
    <row r="53" spans="1:23" s="21" customFormat="1" x14ac:dyDescent="0.15">
      <c r="A53" s="232"/>
      <c r="B53" s="1"/>
      <c r="C53" s="438" t="s">
        <v>24</v>
      </c>
      <c r="D53" s="438"/>
      <c r="E53" s="438"/>
      <c r="F53" s="438"/>
      <c r="G53" s="438"/>
      <c r="H53" s="438" t="s">
        <v>216</v>
      </c>
      <c r="I53" s="438"/>
      <c r="J53" s="438" t="s">
        <v>274</v>
      </c>
      <c r="K53" s="438"/>
      <c r="L53" s="438"/>
      <c r="M53" s="438"/>
      <c r="N53" s="438"/>
      <c r="O53" s="52"/>
      <c r="P53" s="52"/>
      <c r="R53" s="49"/>
      <c r="S53" s="49"/>
      <c r="T53" s="49"/>
      <c r="U53" s="49"/>
      <c r="V53" s="49"/>
      <c r="W53" s="8"/>
    </row>
    <row r="54" spans="1:23" s="21" customFormat="1" x14ac:dyDescent="0.15">
      <c r="A54" s="232"/>
      <c r="B54" s="1"/>
      <c r="C54" s="438" t="s">
        <v>26</v>
      </c>
      <c r="D54" s="438"/>
      <c r="E54" s="438"/>
      <c r="F54" s="438"/>
      <c r="G54" s="438"/>
      <c r="H54" s="438" t="s">
        <v>217</v>
      </c>
      <c r="I54" s="438"/>
      <c r="J54" s="438" t="s">
        <v>276</v>
      </c>
      <c r="K54" s="438"/>
      <c r="L54" s="438"/>
      <c r="M54" s="438"/>
      <c r="N54" s="438"/>
      <c r="O54" s="52"/>
      <c r="P54" s="52"/>
      <c r="R54" s="37"/>
      <c r="S54" s="37"/>
      <c r="T54" s="37"/>
      <c r="U54" s="37"/>
      <c r="V54" s="37"/>
      <c r="W54" s="8"/>
    </row>
    <row r="55" spans="1:23" s="21" customFormat="1" x14ac:dyDescent="0.15">
      <c r="A55" s="232"/>
      <c r="B55" s="1"/>
      <c r="C55" s="438" t="s">
        <v>28</v>
      </c>
      <c r="D55" s="438"/>
      <c r="E55" s="438"/>
      <c r="F55" s="438"/>
      <c r="G55" s="438"/>
      <c r="H55" s="53"/>
      <c r="I55" s="53"/>
      <c r="J55" s="438" t="s">
        <v>278</v>
      </c>
      <c r="K55" s="438"/>
      <c r="L55" s="438"/>
      <c r="M55" s="438"/>
      <c r="N55" s="438"/>
      <c r="O55" s="52"/>
      <c r="P55" s="52"/>
      <c r="R55" s="37"/>
      <c r="S55" s="37"/>
      <c r="T55" s="37"/>
      <c r="U55" s="37"/>
      <c r="V55" s="37"/>
      <c r="W55" s="8"/>
    </row>
    <row r="56" spans="1:23" s="21" customFormat="1" x14ac:dyDescent="0.15">
      <c r="A56" s="232"/>
      <c r="C56" s="438" t="s">
        <v>30</v>
      </c>
      <c r="D56" s="438"/>
      <c r="E56" s="438"/>
      <c r="F56" s="438"/>
      <c r="G56" s="438"/>
      <c r="J56" s="438" t="s">
        <v>271</v>
      </c>
      <c r="K56" s="438"/>
      <c r="L56" s="438"/>
      <c r="M56" s="5"/>
      <c r="N56" s="7"/>
      <c r="O56" s="7"/>
      <c r="P56" s="7"/>
      <c r="Q56" s="7"/>
      <c r="R56" s="7"/>
      <c r="S56" s="7"/>
      <c r="T56" s="7"/>
      <c r="U56" s="7"/>
      <c r="V56" s="7"/>
      <c r="W56" s="8"/>
    </row>
    <row r="57" spans="1:23" s="21" customFormat="1" x14ac:dyDescent="0.15">
      <c r="A57" s="232"/>
      <c r="B57" s="1"/>
      <c r="C57" s="438" t="s">
        <v>32</v>
      </c>
      <c r="D57" s="438"/>
      <c r="E57" s="438"/>
      <c r="F57" s="438"/>
      <c r="G57" s="438"/>
      <c r="H57"/>
      <c r="I57"/>
      <c r="J57" s="438" t="s">
        <v>273</v>
      </c>
      <c r="K57" s="438"/>
      <c r="L57" s="438"/>
      <c r="M57" s="5"/>
      <c r="N57" s="7"/>
      <c r="O57" s="7"/>
      <c r="P57" s="7"/>
      <c r="Q57" s="7"/>
      <c r="R57" s="7"/>
      <c r="S57" s="7"/>
      <c r="T57" s="7"/>
      <c r="U57" s="7"/>
      <c r="V57" s="7"/>
      <c r="W57" s="8"/>
    </row>
    <row r="58" spans="1:23" s="21" customFormat="1" x14ac:dyDescent="0.15">
      <c r="A58" s="232"/>
      <c r="B58" s="1"/>
      <c r="C58" s="443" t="s">
        <v>21</v>
      </c>
      <c r="D58" s="443"/>
      <c r="E58" s="443"/>
      <c r="F58" s="443"/>
      <c r="H58" s="53"/>
      <c r="I58" s="53"/>
      <c r="J58" s="438" t="s">
        <v>275</v>
      </c>
      <c r="K58" s="438"/>
      <c r="L58" s="438"/>
      <c r="M58" s="5"/>
      <c r="N58" s="7"/>
      <c r="O58" s="7"/>
      <c r="P58" s="7"/>
      <c r="Q58" s="7"/>
      <c r="R58" s="7"/>
      <c r="S58" s="7"/>
      <c r="T58" s="7"/>
      <c r="U58" s="7"/>
      <c r="V58" s="7"/>
      <c r="W58" s="8"/>
    </row>
    <row r="59" spans="1:23" s="21" customFormat="1" x14ac:dyDescent="0.15">
      <c r="A59" s="232"/>
      <c r="B59" s="1"/>
      <c r="C59" s="443" t="s">
        <v>23</v>
      </c>
      <c r="D59" s="443"/>
      <c r="E59" s="443"/>
      <c r="F59" s="443"/>
      <c r="G59" s="53"/>
      <c r="H59" s="53"/>
      <c r="I59" s="53"/>
      <c r="J59" s="438" t="s">
        <v>277</v>
      </c>
      <c r="K59" s="438"/>
      <c r="L59" s="438"/>
      <c r="M59" s="5"/>
      <c r="N59" s="7"/>
      <c r="O59" s="7"/>
      <c r="P59" s="7"/>
      <c r="Q59" s="7"/>
      <c r="R59" s="7"/>
      <c r="S59" s="7"/>
      <c r="T59" s="7"/>
      <c r="U59" s="7"/>
      <c r="V59" s="7"/>
      <c r="W59" s="8"/>
    </row>
    <row r="60" spans="1:23" s="21" customFormat="1" x14ac:dyDescent="0.15">
      <c r="A60" s="232"/>
      <c r="B60" s="1"/>
      <c r="C60" s="443" t="s">
        <v>25</v>
      </c>
      <c r="D60" s="443"/>
      <c r="E60" s="443"/>
      <c r="F60" s="443"/>
      <c r="G60" s="53"/>
      <c r="H60" s="53"/>
      <c r="I60" s="53"/>
      <c r="J60" s="438" t="s">
        <v>279</v>
      </c>
      <c r="K60" s="438"/>
      <c r="L60" s="438"/>
      <c r="M60" s="5"/>
      <c r="N60" s="7"/>
      <c r="O60" s="7"/>
      <c r="P60" s="7"/>
      <c r="Q60" s="7"/>
      <c r="R60" s="7"/>
      <c r="S60" s="7"/>
      <c r="T60" s="7"/>
      <c r="U60" s="7"/>
      <c r="V60" s="7"/>
      <c r="W60" s="8"/>
    </row>
    <row r="61" spans="1:23" s="21" customFormat="1" x14ac:dyDescent="0.15">
      <c r="A61" s="232"/>
      <c r="B61" s="1"/>
      <c r="C61" s="443" t="s">
        <v>27</v>
      </c>
      <c r="D61" s="443"/>
      <c r="E61" s="443"/>
      <c r="F61" s="443"/>
      <c r="G61" s="53"/>
      <c r="H61" s="53"/>
      <c r="I61" s="53"/>
      <c r="J61" s="51"/>
      <c r="K61" s="54"/>
      <c r="L61" s="5"/>
      <c r="M61" s="5"/>
      <c r="N61" s="7"/>
      <c r="O61" s="7"/>
      <c r="P61" s="7"/>
      <c r="Q61" s="7"/>
      <c r="R61" s="7"/>
      <c r="S61" s="7"/>
      <c r="T61" s="7"/>
      <c r="U61" s="7"/>
      <c r="V61" s="7"/>
      <c r="W61" s="8"/>
    </row>
    <row r="62" spans="1:23" s="21" customFormat="1" x14ac:dyDescent="0.15">
      <c r="A62" s="232"/>
      <c r="B62" s="1"/>
      <c r="C62" s="443" t="s">
        <v>29</v>
      </c>
      <c r="D62" s="443"/>
      <c r="E62" s="443"/>
      <c r="F62" s="443"/>
      <c r="G62" s="53"/>
      <c r="H62" s="53"/>
      <c r="I62" s="53"/>
      <c r="J62" s="51"/>
      <c r="K62" s="54"/>
      <c r="L62" s="5"/>
      <c r="M62" s="5"/>
      <c r="N62" s="7"/>
      <c r="O62" s="7"/>
      <c r="P62" s="7"/>
      <c r="Q62" s="7"/>
      <c r="R62" s="7"/>
      <c r="S62" s="7"/>
      <c r="T62" s="7"/>
      <c r="U62" s="7"/>
      <c r="V62" s="7"/>
      <c r="W62" s="8"/>
    </row>
    <row r="63" spans="1:23" s="21" customFormat="1" x14ac:dyDescent="0.15">
      <c r="A63" s="232"/>
      <c r="B63" s="1"/>
      <c r="C63" s="443" t="s">
        <v>31</v>
      </c>
      <c r="D63" s="443"/>
      <c r="E63" s="443"/>
      <c r="F63" s="443"/>
      <c r="G63" s="53"/>
      <c r="H63" s="53"/>
      <c r="I63" s="53"/>
      <c r="J63" s="51"/>
      <c r="K63" s="54"/>
      <c r="L63" s="5"/>
      <c r="M63" s="5"/>
      <c r="N63" s="7"/>
      <c r="O63" s="7"/>
      <c r="P63" s="7"/>
      <c r="Q63" s="7"/>
      <c r="R63" s="7"/>
      <c r="S63" s="7"/>
      <c r="T63" s="7"/>
      <c r="U63" s="7"/>
      <c r="V63" s="7"/>
      <c r="W63" s="8"/>
    </row>
    <row r="64" spans="1:23" s="21" customFormat="1" x14ac:dyDescent="0.15">
      <c r="A64" s="232"/>
      <c r="B64" s="1"/>
      <c r="C64" s="40"/>
      <c r="D64" s="40"/>
      <c r="E64" s="40"/>
      <c r="F64" s="40"/>
      <c r="G64" s="40"/>
      <c r="H64" s="40"/>
      <c r="I64" s="40"/>
      <c r="J64" s="40"/>
      <c r="K64" s="50"/>
      <c r="L64" s="40"/>
      <c r="M64" s="40"/>
      <c r="N64" s="40"/>
      <c r="O64" s="40"/>
      <c r="P64" s="40"/>
      <c r="Q64" s="40"/>
      <c r="R64" s="40"/>
      <c r="S64" s="40"/>
      <c r="T64" s="40"/>
      <c r="U64" s="40"/>
      <c r="V64" s="40"/>
      <c r="W64" s="8"/>
    </row>
    <row r="65" spans="1:23" s="21" customFormat="1" ht="19.5" x14ac:dyDescent="0.15">
      <c r="A65" s="232"/>
      <c r="B65" s="55" t="s">
        <v>33</v>
      </c>
      <c r="C65" s="56"/>
      <c r="D65" s="57"/>
      <c r="E65" s="57"/>
      <c r="F65" s="57"/>
      <c r="G65" s="57"/>
      <c r="H65" s="58"/>
      <c r="I65" s="58"/>
      <c r="J65" s="59"/>
      <c r="K65" s="59"/>
      <c r="L65" s="59"/>
      <c r="M65" s="59"/>
      <c r="N65" s="60"/>
      <c r="O65" s="60"/>
      <c r="P65" s="61"/>
      <c r="Q65" s="61"/>
      <c r="R65" s="61"/>
      <c r="S65" s="61"/>
      <c r="T65" s="61"/>
      <c r="U65" s="61"/>
      <c r="V65" s="61"/>
      <c r="W65" s="8"/>
    </row>
    <row r="66" spans="1:23" s="21" customFormat="1" x14ac:dyDescent="0.15">
      <c r="A66" s="232"/>
      <c r="B66" s="1"/>
      <c r="C66" s="62"/>
      <c r="D66" s="3"/>
      <c r="E66" s="3"/>
      <c r="F66" s="3"/>
      <c r="G66" s="3"/>
      <c r="H66" s="206"/>
      <c r="I66" s="206"/>
      <c r="J66" s="63"/>
      <c r="K66" s="31"/>
      <c r="L66" s="63"/>
      <c r="M66" s="63"/>
      <c r="N66" s="61"/>
      <c r="O66" s="61"/>
      <c r="P66" s="61"/>
      <c r="Q66" s="61"/>
      <c r="R66" s="61"/>
      <c r="S66" s="61"/>
      <c r="T66" s="61"/>
      <c r="U66" s="61"/>
      <c r="V66" s="61"/>
      <c r="W66" s="8"/>
    </row>
    <row r="67" spans="1:23" s="21" customFormat="1" x14ac:dyDescent="0.15">
      <c r="A67" s="232"/>
      <c r="B67" s="18" t="s">
        <v>34</v>
      </c>
      <c r="C67" s="62"/>
      <c r="D67" s="3"/>
      <c r="E67" s="3"/>
      <c r="F67" s="3"/>
      <c r="G67" s="3"/>
      <c r="H67" s="206"/>
      <c r="I67" s="206"/>
      <c r="J67" s="63"/>
      <c r="K67" s="63"/>
      <c r="L67" s="63"/>
      <c r="M67" s="63"/>
      <c r="N67" s="61"/>
      <c r="O67" s="61"/>
      <c r="P67" s="61"/>
      <c r="Q67" s="61"/>
      <c r="R67" s="61"/>
      <c r="S67" s="61"/>
      <c r="T67" s="61"/>
      <c r="U67" s="61"/>
      <c r="V67" s="61"/>
      <c r="W67" s="8"/>
    </row>
    <row r="68" spans="1:23" s="21" customFormat="1" ht="18.75" customHeight="1" x14ac:dyDescent="0.15">
      <c r="A68" s="232"/>
      <c r="B68" s="18"/>
      <c r="C68" s="62"/>
      <c r="D68" s="3"/>
      <c r="E68" s="3"/>
      <c r="F68" s="3"/>
      <c r="G68" s="3"/>
      <c r="H68" s="206"/>
      <c r="I68" s="206"/>
      <c r="J68" s="59"/>
      <c r="K68" s="59"/>
      <c r="L68" s="63"/>
      <c r="M68" s="63"/>
      <c r="N68" s="61"/>
      <c r="O68" s="61"/>
      <c r="P68" s="61"/>
      <c r="Q68" s="61"/>
      <c r="R68" s="61"/>
      <c r="S68" s="61"/>
      <c r="T68" s="61"/>
      <c r="U68" s="61"/>
      <c r="V68" s="61"/>
      <c r="W68" s="8"/>
    </row>
    <row r="69" spans="1:23" s="21" customFormat="1" x14ac:dyDescent="0.15">
      <c r="A69" s="232"/>
      <c r="B69" s="18"/>
      <c r="C69" s="62"/>
      <c r="D69" s="3"/>
      <c r="E69" s="3"/>
      <c r="F69" s="3"/>
      <c r="G69" s="3"/>
      <c r="H69" s="206"/>
      <c r="I69" s="206"/>
      <c r="J69" s="64" t="s">
        <v>35</v>
      </c>
      <c r="K69" s="65"/>
      <c r="L69" s="66" t="s">
        <v>525</v>
      </c>
      <c r="M69" s="66" t="s">
        <v>527</v>
      </c>
      <c r="N69" s="66" t="s">
        <v>528</v>
      </c>
      <c r="O69" s="66" t="s">
        <v>529</v>
      </c>
      <c r="P69" s="66" t="s">
        <v>530</v>
      </c>
      <c r="Q69" s="66" t="s">
        <v>531</v>
      </c>
      <c r="R69" s="8"/>
    </row>
    <row r="70" spans="1:23" s="21" customFormat="1" x14ac:dyDescent="0.15">
      <c r="A70" s="232"/>
      <c r="B70" s="1"/>
      <c r="C70" s="3"/>
      <c r="D70" s="3"/>
      <c r="E70" s="3"/>
      <c r="F70" s="3"/>
      <c r="G70" s="3"/>
      <c r="H70" s="206"/>
      <c r="I70" s="67" t="s">
        <v>36</v>
      </c>
      <c r="J70" s="68"/>
      <c r="K70" s="69"/>
      <c r="L70" s="70" t="s">
        <v>526</v>
      </c>
      <c r="M70" s="70" t="s">
        <v>526</v>
      </c>
      <c r="N70" s="70" t="s">
        <v>526</v>
      </c>
      <c r="O70" s="70" t="s">
        <v>526</v>
      </c>
      <c r="P70" s="70" t="s">
        <v>526</v>
      </c>
      <c r="Q70" s="70" t="s">
        <v>526</v>
      </c>
      <c r="R70" s="8"/>
    </row>
    <row r="71" spans="1:23" s="21" customFormat="1" ht="54" customHeight="1" x14ac:dyDescent="0.15">
      <c r="A71" s="232"/>
      <c r="B71" s="1"/>
      <c r="C71" s="324" t="s">
        <v>37</v>
      </c>
      <c r="D71" s="325"/>
      <c r="E71" s="325"/>
      <c r="F71" s="325"/>
      <c r="G71" s="325"/>
      <c r="H71" s="326"/>
      <c r="I71" s="109" t="s">
        <v>38</v>
      </c>
      <c r="J71" s="71" t="s">
        <v>532</v>
      </c>
      <c r="K71" s="72"/>
      <c r="L71" s="73"/>
      <c r="M71" s="73"/>
      <c r="N71" s="73"/>
      <c r="O71" s="73"/>
      <c r="P71" s="73"/>
      <c r="Q71" s="74"/>
      <c r="R71" s="8"/>
    </row>
    <row r="72" spans="1:23" s="21" customFormat="1" ht="19.5" x14ac:dyDescent="0.15">
      <c r="A72" s="232"/>
      <c r="B72" s="75"/>
      <c r="C72" s="62"/>
      <c r="D72" s="3"/>
      <c r="E72" s="3"/>
      <c r="F72" s="3"/>
      <c r="G72" s="3"/>
      <c r="H72" s="206"/>
      <c r="I72" s="206"/>
      <c r="J72" s="63"/>
      <c r="K72" s="63"/>
      <c r="L72" s="61"/>
      <c r="M72" s="61"/>
      <c r="N72" s="61"/>
      <c r="O72" s="61"/>
      <c r="P72" s="61"/>
      <c r="Q72" s="61"/>
      <c r="R72" s="8"/>
    </row>
    <row r="73" spans="1:23" s="21" customFormat="1" ht="19.5" x14ac:dyDescent="0.15">
      <c r="A73" s="232"/>
      <c r="B73" s="75"/>
      <c r="C73" s="62"/>
      <c r="D73" s="3"/>
      <c r="E73" s="3"/>
      <c r="F73" s="3"/>
      <c r="G73" s="3"/>
      <c r="H73" s="206"/>
      <c r="I73" s="206"/>
      <c r="J73" s="63"/>
      <c r="K73" s="63"/>
      <c r="L73" s="61"/>
      <c r="M73" s="61"/>
      <c r="N73" s="61"/>
      <c r="O73" s="61"/>
      <c r="P73" s="61"/>
      <c r="Q73" s="61"/>
      <c r="R73" s="8"/>
    </row>
    <row r="74" spans="1:23" s="21" customFormat="1" ht="19.5" x14ac:dyDescent="0.15">
      <c r="A74" s="232"/>
      <c r="B74" s="75"/>
      <c r="C74" s="62"/>
      <c r="D74" s="3"/>
      <c r="E74" s="3"/>
      <c r="F74" s="3"/>
      <c r="G74" s="3"/>
      <c r="H74" s="206"/>
      <c r="I74" s="206"/>
      <c r="J74" s="63"/>
      <c r="K74" s="63"/>
      <c r="L74" s="61"/>
      <c r="M74" s="61"/>
      <c r="N74" s="61"/>
      <c r="O74" s="61"/>
      <c r="P74" s="61"/>
      <c r="Q74" s="61"/>
      <c r="R74" s="8"/>
    </row>
    <row r="75" spans="1:23" x14ac:dyDescent="0.15">
      <c r="A75" s="232"/>
      <c r="B75" s="18" t="s">
        <v>39</v>
      </c>
      <c r="C75" s="18"/>
      <c r="D75" s="18"/>
      <c r="E75" s="18"/>
      <c r="F75" s="18"/>
      <c r="G75" s="18"/>
      <c r="H75" s="14"/>
      <c r="I75" s="14"/>
      <c r="L75" s="76"/>
      <c r="M75" s="76"/>
      <c r="N75" s="76"/>
      <c r="O75" s="76"/>
      <c r="P75" s="76"/>
      <c r="Q75" s="76"/>
      <c r="R75" s="8"/>
      <c r="S75" s="8"/>
      <c r="T75" s="8"/>
      <c r="U75" s="8"/>
      <c r="V75" s="8"/>
    </row>
    <row r="76" spans="1:23" x14ac:dyDescent="0.15">
      <c r="A76" s="232"/>
      <c r="B76" s="18"/>
      <c r="C76" s="18"/>
      <c r="D76" s="18"/>
      <c r="E76" s="18"/>
      <c r="F76" s="18"/>
      <c r="G76" s="18"/>
      <c r="H76" s="14"/>
      <c r="I76" s="14"/>
      <c r="L76" s="76"/>
      <c r="M76" s="76"/>
      <c r="N76" s="76"/>
      <c r="O76" s="76"/>
      <c r="P76" s="76"/>
      <c r="Q76" s="76"/>
      <c r="R76" s="8"/>
      <c r="S76" s="8"/>
      <c r="T76" s="8"/>
      <c r="U76" s="8"/>
      <c r="V76" s="8"/>
    </row>
    <row r="77" spans="1:23" ht="34.5" customHeight="1" x14ac:dyDescent="0.15">
      <c r="A77" s="232"/>
      <c r="B77" s="18"/>
      <c r="C77" s="3"/>
      <c r="D77" s="3"/>
      <c r="F77" s="3"/>
      <c r="G77" s="3"/>
      <c r="H77" s="206"/>
      <c r="J77" s="77" t="s">
        <v>35</v>
      </c>
      <c r="K77" s="78"/>
      <c r="L77" s="66" t="s">
        <v>525</v>
      </c>
      <c r="M77" s="66" t="s">
        <v>527</v>
      </c>
      <c r="N77" s="66" t="s">
        <v>528</v>
      </c>
      <c r="O77" s="66" t="s">
        <v>529</v>
      </c>
      <c r="P77" s="66" t="s">
        <v>530</v>
      </c>
      <c r="Q77" s="66" t="s">
        <v>531</v>
      </c>
      <c r="R77" s="8"/>
      <c r="S77" s="8"/>
      <c r="T77" s="8"/>
      <c r="U77" s="8"/>
      <c r="V77" s="8"/>
    </row>
    <row r="78" spans="1:23" ht="20.25" customHeight="1" x14ac:dyDescent="0.15">
      <c r="A78" s="232"/>
      <c r="B78" s="1"/>
      <c r="C78" s="62"/>
      <c r="D78" s="3"/>
      <c r="F78" s="3"/>
      <c r="G78" s="3"/>
      <c r="H78" s="206"/>
      <c r="I78" s="67" t="s">
        <v>40</v>
      </c>
      <c r="J78" s="68"/>
      <c r="K78" s="79"/>
      <c r="L78" s="70" t="s">
        <v>526</v>
      </c>
      <c r="M78" s="70" t="s">
        <v>526</v>
      </c>
      <c r="N78" s="70" t="s">
        <v>526</v>
      </c>
      <c r="O78" s="70" t="s">
        <v>526</v>
      </c>
      <c r="P78" s="70" t="s">
        <v>526</v>
      </c>
      <c r="Q78" s="70" t="s">
        <v>526</v>
      </c>
      <c r="R78" s="8"/>
      <c r="S78" s="8"/>
      <c r="T78" s="8"/>
      <c r="U78" s="8"/>
      <c r="V78" s="8"/>
    </row>
    <row r="79" spans="1:23" s="83" customFormat="1" ht="34.5" customHeight="1" x14ac:dyDescent="0.15">
      <c r="A79" s="232"/>
      <c r="B79" s="1"/>
      <c r="C79" s="343" t="s">
        <v>41</v>
      </c>
      <c r="D79" s="345"/>
      <c r="E79" s="429" t="s">
        <v>42</v>
      </c>
      <c r="F79" s="430"/>
      <c r="G79" s="430"/>
      <c r="H79" s="431"/>
      <c r="I79" s="423" t="s">
        <v>43</v>
      </c>
      <c r="J79" s="80">
        <v>120</v>
      </c>
      <c r="K79" s="81" t="s">
        <v>542</v>
      </c>
      <c r="L79" s="82">
        <v>40</v>
      </c>
      <c r="M79" s="82">
        <v>40</v>
      </c>
      <c r="N79" s="82">
        <v>40</v>
      </c>
      <c r="O79" s="82">
        <v>0</v>
      </c>
      <c r="P79" s="82">
        <v>0</v>
      </c>
      <c r="Q79" s="82">
        <v>0</v>
      </c>
    </row>
    <row r="80" spans="1:23" s="83" customFormat="1" ht="34.5" customHeight="1" x14ac:dyDescent="0.15">
      <c r="A80" s="232"/>
      <c r="B80" s="84"/>
      <c r="C80" s="400"/>
      <c r="D80" s="401"/>
      <c r="E80" s="413"/>
      <c r="F80" s="414"/>
      <c r="G80" s="419" t="s">
        <v>44</v>
      </c>
      <c r="H80" s="421"/>
      <c r="I80" s="424"/>
      <c r="J80" s="80">
        <v>0</v>
      </c>
      <c r="K80" s="81" t="s">
        <v>542</v>
      </c>
      <c r="L80" s="82">
        <v>0</v>
      </c>
      <c r="M80" s="82">
        <v>0</v>
      </c>
      <c r="N80" s="82">
        <v>0</v>
      </c>
      <c r="O80" s="82">
        <v>0</v>
      </c>
      <c r="P80" s="82">
        <v>0</v>
      </c>
      <c r="Q80" s="82">
        <v>0</v>
      </c>
    </row>
    <row r="81" spans="1:22" s="83" customFormat="1" ht="34.5" customHeight="1" x14ac:dyDescent="0.15">
      <c r="A81" s="232"/>
      <c r="B81" s="84"/>
      <c r="C81" s="381"/>
      <c r="D81" s="383"/>
      <c r="E81" s="324" t="s">
        <v>45</v>
      </c>
      <c r="F81" s="325"/>
      <c r="G81" s="325"/>
      <c r="H81" s="326"/>
      <c r="I81" s="424"/>
      <c r="J81" s="80">
        <v>120</v>
      </c>
      <c r="K81" s="81" t="s">
        <v>542</v>
      </c>
      <c r="L81" s="82">
        <v>40</v>
      </c>
      <c r="M81" s="82">
        <v>40</v>
      </c>
      <c r="N81" s="82">
        <v>40</v>
      </c>
      <c r="O81" s="82">
        <v>0</v>
      </c>
      <c r="P81" s="82">
        <v>0</v>
      </c>
      <c r="Q81" s="82">
        <v>0</v>
      </c>
    </row>
    <row r="82" spans="1:22" s="83" customFormat="1" ht="34.5" customHeight="1" x14ac:dyDescent="0.15">
      <c r="A82" s="232"/>
      <c r="B82" s="84"/>
      <c r="C82" s="343" t="s">
        <v>46</v>
      </c>
      <c r="D82" s="345"/>
      <c r="E82" s="343" t="s">
        <v>42</v>
      </c>
      <c r="F82" s="344"/>
      <c r="G82" s="344"/>
      <c r="H82" s="345"/>
      <c r="I82" s="424"/>
      <c r="J82" s="80">
        <v>120</v>
      </c>
      <c r="K82" s="81" t="s">
        <v>542</v>
      </c>
      <c r="L82" s="82">
        <v>0</v>
      </c>
      <c r="M82" s="82">
        <v>0</v>
      </c>
      <c r="N82" s="82">
        <v>0</v>
      </c>
      <c r="O82" s="82">
        <v>40</v>
      </c>
      <c r="P82" s="82">
        <v>40</v>
      </c>
      <c r="Q82" s="82">
        <v>40</v>
      </c>
    </row>
    <row r="83" spans="1:22" s="83" customFormat="1" ht="34.5" customHeight="1" x14ac:dyDescent="0.15">
      <c r="A83" s="232"/>
      <c r="B83" s="84"/>
      <c r="C83" s="400"/>
      <c r="D83" s="401"/>
      <c r="E83" s="432"/>
      <c r="F83" s="433"/>
      <c r="G83" s="324" t="s">
        <v>47</v>
      </c>
      <c r="H83" s="326"/>
      <c r="I83" s="424"/>
      <c r="J83" s="80">
        <v>120</v>
      </c>
      <c r="K83" s="81" t="s">
        <v>542</v>
      </c>
      <c r="L83" s="82">
        <v>0</v>
      </c>
      <c r="M83" s="82">
        <v>0</v>
      </c>
      <c r="N83" s="82">
        <v>0</v>
      </c>
      <c r="O83" s="82">
        <v>40</v>
      </c>
      <c r="P83" s="82">
        <v>40</v>
      </c>
      <c r="Q83" s="82">
        <v>40</v>
      </c>
    </row>
    <row r="84" spans="1:22" s="83" customFormat="1" ht="34.5" customHeight="1" x14ac:dyDescent="0.15">
      <c r="A84" s="232"/>
      <c r="B84" s="84"/>
      <c r="C84" s="400"/>
      <c r="D84" s="401"/>
      <c r="E84" s="413"/>
      <c r="F84" s="414"/>
      <c r="G84" s="324" t="s">
        <v>48</v>
      </c>
      <c r="H84" s="326"/>
      <c r="I84" s="424"/>
      <c r="J84" s="80">
        <v>0</v>
      </c>
      <c r="K84" s="81" t="s">
        <v>542</v>
      </c>
      <c r="L84" s="82">
        <v>0</v>
      </c>
      <c r="M84" s="82">
        <v>0</v>
      </c>
      <c r="N84" s="82">
        <v>0</v>
      </c>
      <c r="O84" s="82">
        <v>0</v>
      </c>
      <c r="P84" s="82">
        <v>0</v>
      </c>
      <c r="Q84" s="82">
        <v>0</v>
      </c>
    </row>
    <row r="85" spans="1:22" s="83" customFormat="1" ht="34.5" customHeight="1" x14ac:dyDescent="0.15">
      <c r="A85" s="232"/>
      <c r="B85" s="84"/>
      <c r="C85" s="400"/>
      <c r="D85" s="401"/>
      <c r="E85" s="343" t="s">
        <v>45</v>
      </c>
      <c r="F85" s="344"/>
      <c r="G85" s="344"/>
      <c r="H85" s="345"/>
      <c r="I85" s="424"/>
      <c r="J85" s="80">
        <v>120</v>
      </c>
      <c r="K85" s="81" t="s">
        <v>542</v>
      </c>
      <c r="L85" s="82">
        <v>0</v>
      </c>
      <c r="M85" s="82">
        <v>0</v>
      </c>
      <c r="N85" s="82">
        <v>0</v>
      </c>
      <c r="O85" s="82">
        <v>40</v>
      </c>
      <c r="P85" s="82">
        <v>40</v>
      </c>
      <c r="Q85" s="82">
        <v>40</v>
      </c>
    </row>
    <row r="86" spans="1:22" s="83" customFormat="1" ht="34.5" customHeight="1" x14ac:dyDescent="0.15">
      <c r="A86" s="232"/>
      <c r="B86" s="84"/>
      <c r="C86" s="400"/>
      <c r="D86" s="401"/>
      <c r="E86" s="432"/>
      <c r="F86" s="433"/>
      <c r="G86" s="324" t="s">
        <v>47</v>
      </c>
      <c r="H86" s="326"/>
      <c r="I86" s="424"/>
      <c r="J86" s="80">
        <v>120</v>
      </c>
      <c r="K86" s="81" t="s">
        <v>542</v>
      </c>
      <c r="L86" s="82">
        <v>0</v>
      </c>
      <c r="M86" s="82">
        <v>0</v>
      </c>
      <c r="N86" s="82">
        <v>0</v>
      </c>
      <c r="O86" s="82">
        <v>40</v>
      </c>
      <c r="P86" s="82">
        <v>40</v>
      </c>
      <c r="Q86" s="82">
        <v>40</v>
      </c>
    </row>
    <row r="87" spans="1:22" s="83" customFormat="1" ht="34.5" customHeight="1" x14ac:dyDescent="0.15">
      <c r="A87" s="232"/>
      <c r="B87" s="84"/>
      <c r="C87" s="381"/>
      <c r="D87" s="383"/>
      <c r="E87" s="413"/>
      <c r="F87" s="414"/>
      <c r="G87" s="324" t="s">
        <v>48</v>
      </c>
      <c r="H87" s="326"/>
      <c r="I87" s="424"/>
      <c r="J87" s="80">
        <v>0</v>
      </c>
      <c r="K87" s="81" t="s">
        <v>542</v>
      </c>
      <c r="L87" s="82">
        <v>0</v>
      </c>
      <c r="M87" s="82">
        <v>0</v>
      </c>
      <c r="N87" s="82">
        <v>0</v>
      </c>
      <c r="O87" s="82">
        <v>0</v>
      </c>
      <c r="P87" s="82">
        <v>0</v>
      </c>
      <c r="Q87" s="82">
        <v>0</v>
      </c>
    </row>
    <row r="88" spans="1:22" s="83" customFormat="1" ht="315" customHeight="1" x14ac:dyDescent="0.15">
      <c r="A88" s="232"/>
      <c r="B88" s="84"/>
      <c r="C88" s="419" t="s">
        <v>49</v>
      </c>
      <c r="D88" s="420"/>
      <c r="E88" s="420"/>
      <c r="F88" s="420"/>
      <c r="G88" s="420"/>
      <c r="H88" s="421"/>
      <c r="I88" s="425"/>
      <c r="J88" s="85"/>
      <c r="K88" s="86" t="s">
        <v>542</v>
      </c>
      <c r="L88" s="87" t="s">
        <v>533</v>
      </c>
      <c r="M88" s="87" t="s">
        <v>533</v>
      </c>
      <c r="N88" s="87" t="s">
        <v>533</v>
      </c>
      <c r="O88" s="87" t="s">
        <v>533</v>
      </c>
      <c r="P88" s="87" t="s">
        <v>533</v>
      </c>
      <c r="Q88" s="87" t="s">
        <v>533</v>
      </c>
    </row>
    <row r="89" spans="1:22" s="91" customFormat="1" x14ac:dyDescent="0.15">
      <c r="A89" s="232"/>
      <c r="B89" s="18"/>
      <c r="C89" s="18"/>
      <c r="D89" s="18"/>
      <c r="E89" s="18"/>
      <c r="F89" s="18"/>
      <c r="G89" s="18"/>
      <c r="H89" s="14"/>
      <c r="I89" s="14"/>
      <c r="J89" s="88"/>
      <c r="K89" s="89"/>
      <c r="L89" s="90"/>
      <c r="M89" s="90"/>
      <c r="N89" s="90"/>
      <c r="O89" s="90"/>
      <c r="P89" s="90"/>
      <c r="Q89" s="90"/>
    </row>
    <row r="90" spans="1:22" s="83" customFormat="1" x14ac:dyDescent="0.15">
      <c r="A90" s="232"/>
      <c r="B90" s="84"/>
      <c r="C90" s="62"/>
      <c r="D90" s="62"/>
      <c r="E90" s="62"/>
      <c r="F90" s="62"/>
      <c r="G90" s="62"/>
      <c r="H90" s="92"/>
      <c r="I90" s="92"/>
      <c r="J90" s="88"/>
      <c r="K90" s="89"/>
      <c r="L90" s="90"/>
      <c r="M90" s="90"/>
      <c r="N90" s="90"/>
      <c r="O90" s="90"/>
      <c r="P90" s="90"/>
      <c r="Q90" s="90"/>
    </row>
    <row r="91" spans="1:22" s="21" customFormat="1" x14ac:dyDescent="0.15">
      <c r="A91" s="232"/>
      <c r="B91" s="1"/>
      <c r="C91" s="62"/>
      <c r="D91" s="3"/>
      <c r="E91" s="3"/>
      <c r="F91" s="3"/>
      <c r="G91" s="3"/>
      <c r="H91" s="206"/>
      <c r="I91" s="206"/>
      <c r="J91" s="63"/>
      <c r="K91" s="31"/>
      <c r="L91" s="61"/>
      <c r="M91" s="61"/>
      <c r="N91" s="61"/>
      <c r="O91" s="61"/>
      <c r="P91" s="61"/>
      <c r="Q91" s="61"/>
      <c r="R91" s="8"/>
    </row>
    <row r="92" spans="1:22" s="91" customFormat="1" x14ac:dyDescent="0.15">
      <c r="A92" s="232"/>
      <c r="B92" s="18" t="s">
        <v>50</v>
      </c>
      <c r="C92" s="18"/>
      <c r="D92" s="18"/>
      <c r="E92" s="18"/>
      <c r="F92" s="18"/>
      <c r="G92" s="18"/>
      <c r="H92" s="14"/>
      <c r="I92" s="14"/>
      <c r="J92" s="88"/>
      <c r="K92" s="89"/>
      <c r="L92" s="90"/>
      <c r="M92" s="90"/>
      <c r="N92" s="90"/>
      <c r="O92" s="90"/>
      <c r="P92" s="90"/>
      <c r="Q92" s="90"/>
    </row>
    <row r="93" spans="1:22" x14ac:dyDescent="0.15">
      <c r="A93" s="232"/>
      <c r="B93" s="18"/>
      <c r="C93" s="18"/>
      <c r="D93" s="18"/>
      <c r="E93" s="18"/>
      <c r="F93" s="18"/>
      <c r="G93" s="18"/>
      <c r="H93" s="14"/>
      <c r="I93" s="14"/>
      <c r="L93" s="76"/>
      <c r="M93" s="76"/>
      <c r="N93" s="76"/>
      <c r="O93" s="76"/>
      <c r="P93" s="76"/>
      <c r="Q93" s="76"/>
      <c r="R93" s="8"/>
      <c r="S93" s="8"/>
      <c r="T93" s="8"/>
      <c r="U93" s="8"/>
      <c r="V93" s="8"/>
    </row>
    <row r="94" spans="1:22" ht="34.5" customHeight="1" x14ac:dyDescent="0.15">
      <c r="A94" s="232"/>
      <c r="B94" s="18"/>
      <c r="C94" s="3"/>
      <c r="D94" s="3"/>
      <c r="F94" s="3"/>
      <c r="G94" s="3"/>
      <c r="H94" s="206"/>
      <c r="I94" s="67"/>
      <c r="J94" s="93" t="s">
        <v>35</v>
      </c>
      <c r="K94" s="78"/>
      <c r="L94" s="66" t="s">
        <v>525</v>
      </c>
      <c r="M94" s="66" t="s">
        <v>527</v>
      </c>
      <c r="N94" s="66" t="s">
        <v>528</v>
      </c>
      <c r="O94" s="66" t="s">
        <v>529</v>
      </c>
      <c r="P94" s="66" t="s">
        <v>530</v>
      </c>
      <c r="Q94" s="66" t="s">
        <v>531</v>
      </c>
      <c r="R94" s="8"/>
      <c r="S94" s="8"/>
      <c r="T94" s="8"/>
      <c r="U94" s="8"/>
      <c r="V94" s="8"/>
    </row>
    <row r="95" spans="1:22" ht="20.25" customHeight="1" x14ac:dyDescent="0.15">
      <c r="A95" s="232"/>
      <c r="B95" s="1"/>
      <c r="C95" s="3"/>
      <c r="D95" s="3"/>
      <c r="F95" s="3"/>
      <c r="G95" s="3"/>
      <c r="H95" s="206"/>
      <c r="I95" s="67" t="s">
        <v>40</v>
      </c>
      <c r="J95" s="94"/>
      <c r="K95" s="79"/>
      <c r="L95" s="95" t="s">
        <v>526</v>
      </c>
      <c r="M95" s="95" t="s">
        <v>526</v>
      </c>
      <c r="N95" s="95" t="s">
        <v>526</v>
      </c>
      <c r="O95" s="95" t="s">
        <v>526</v>
      </c>
      <c r="P95" s="95" t="s">
        <v>526</v>
      </c>
      <c r="Q95" s="95" t="s">
        <v>526</v>
      </c>
      <c r="R95" s="8"/>
      <c r="S95" s="8"/>
      <c r="T95" s="8"/>
      <c r="U95" s="8"/>
      <c r="V95" s="8"/>
    </row>
    <row r="96" spans="1:22" s="83" customFormat="1" ht="40.5" customHeight="1" x14ac:dyDescent="0.15">
      <c r="A96" s="232"/>
      <c r="B96" s="1"/>
      <c r="C96" s="343" t="s">
        <v>51</v>
      </c>
      <c r="D96" s="344"/>
      <c r="E96" s="344"/>
      <c r="F96" s="344"/>
      <c r="G96" s="344"/>
      <c r="H96" s="345"/>
      <c r="I96" s="335" t="s">
        <v>52</v>
      </c>
      <c r="J96" s="96"/>
      <c r="K96" s="97"/>
      <c r="L96" s="98" t="s">
        <v>534</v>
      </c>
      <c r="M96" s="98" t="s">
        <v>534</v>
      </c>
      <c r="N96" s="98" t="s">
        <v>534</v>
      </c>
      <c r="O96" s="98" t="s">
        <v>534</v>
      </c>
      <c r="P96" s="98" t="s">
        <v>534</v>
      </c>
      <c r="Q96" s="98" t="s">
        <v>534</v>
      </c>
    </row>
    <row r="97" spans="1:22" s="83" customFormat="1" ht="40.5" customHeight="1" x14ac:dyDescent="0.15">
      <c r="A97" s="232"/>
      <c r="B97" s="1"/>
      <c r="C97" s="99"/>
      <c r="D97" s="100"/>
      <c r="E97" s="343" t="s">
        <v>53</v>
      </c>
      <c r="F97" s="344"/>
      <c r="G97" s="344"/>
      <c r="H97" s="345"/>
      <c r="I97" s="358"/>
      <c r="J97" s="101"/>
      <c r="K97" s="102"/>
      <c r="L97" s="98" t="s">
        <v>533</v>
      </c>
      <c r="M97" s="98" t="s">
        <v>533</v>
      </c>
      <c r="N97" s="98" t="s">
        <v>533</v>
      </c>
      <c r="O97" s="98" t="s">
        <v>533</v>
      </c>
      <c r="P97" s="98" t="s">
        <v>533</v>
      </c>
      <c r="Q97" s="98" t="s">
        <v>533</v>
      </c>
    </row>
    <row r="98" spans="1:22" s="83" customFormat="1" ht="40.5" customHeight="1" x14ac:dyDescent="0.15">
      <c r="A98" s="232"/>
      <c r="B98" s="1"/>
      <c r="C98" s="99"/>
      <c r="D98" s="100"/>
      <c r="E98" s="400"/>
      <c r="F98" s="422"/>
      <c r="G98" s="422"/>
      <c r="H98" s="401"/>
      <c r="I98" s="358"/>
      <c r="J98" s="101"/>
      <c r="K98" s="102"/>
      <c r="L98" s="98" t="s">
        <v>533</v>
      </c>
      <c r="M98" s="98" t="s">
        <v>533</v>
      </c>
      <c r="N98" s="98" t="s">
        <v>533</v>
      </c>
      <c r="O98" s="98" t="s">
        <v>533</v>
      </c>
      <c r="P98" s="98" t="s">
        <v>533</v>
      </c>
      <c r="Q98" s="98" t="s">
        <v>533</v>
      </c>
    </row>
    <row r="99" spans="1:22" s="83" customFormat="1" ht="40.5" customHeight="1" x14ac:dyDescent="0.15">
      <c r="A99" s="232"/>
      <c r="B99" s="1"/>
      <c r="C99" s="103"/>
      <c r="D99" s="104"/>
      <c r="E99" s="381"/>
      <c r="F99" s="382"/>
      <c r="G99" s="382"/>
      <c r="H99" s="383"/>
      <c r="I99" s="350"/>
      <c r="J99" s="105"/>
      <c r="K99" s="106"/>
      <c r="L99" s="98" t="s">
        <v>533</v>
      </c>
      <c r="M99" s="98" t="s">
        <v>533</v>
      </c>
      <c r="N99" s="98" t="s">
        <v>533</v>
      </c>
      <c r="O99" s="98" t="s">
        <v>533</v>
      </c>
      <c r="P99" s="98" t="s">
        <v>533</v>
      </c>
      <c r="Q99" s="98" t="s">
        <v>533</v>
      </c>
    </row>
    <row r="100" spans="1:22" s="91" customFormat="1" x14ac:dyDescent="0.15">
      <c r="A100" s="232"/>
      <c r="B100" s="18"/>
      <c r="C100" s="18"/>
      <c r="D100" s="18"/>
      <c r="E100" s="18"/>
      <c r="F100" s="18"/>
      <c r="G100" s="18"/>
      <c r="H100" s="14"/>
      <c r="I100" s="14"/>
      <c r="J100" s="88"/>
      <c r="K100" s="89"/>
      <c r="L100" s="90"/>
      <c r="M100" s="90"/>
      <c r="N100" s="90"/>
      <c r="O100" s="90"/>
      <c r="P100" s="90"/>
      <c r="Q100" s="90"/>
    </row>
    <row r="101" spans="1:22" s="83" customFormat="1" x14ac:dyDescent="0.15">
      <c r="A101" s="232"/>
      <c r="B101" s="84"/>
      <c r="C101" s="62"/>
      <c r="D101" s="62"/>
      <c r="E101" s="62"/>
      <c r="F101" s="62"/>
      <c r="G101" s="62"/>
      <c r="H101" s="92"/>
      <c r="I101" s="92"/>
      <c r="J101" s="88"/>
      <c r="K101" s="89"/>
      <c r="L101" s="90"/>
      <c r="M101" s="90"/>
      <c r="N101" s="90"/>
      <c r="O101" s="90"/>
      <c r="P101" s="90"/>
      <c r="Q101" s="90"/>
    </row>
    <row r="102" spans="1:22" s="21" customFormat="1" x14ac:dyDescent="0.15">
      <c r="A102" s="232"/>
      <c r="B102" s="1"/>
      <c r="C102" s="62"/>
      <c r="D102" s="3"/>
      <c r="E102" s="3"/>
      <c r="F102" s="3"/>
      <c r="G102" s="3"/>
      <c r="H102" s="206"/>
      <c r="I102" s="206"/>
      <c r="J102" s="63"/>
      <c r="K102" s="31"/>
      <c r="L102" s="61"/>
      <c r="M102" s="61"/>
      <c r="N102" s="61"/>
      <c r="O102" s="61"/>
      <c r="P102" s="61"/>
      <c r="Q102" s="61"/>
      <c r="R102" s="8"/>
    </row>
    <row r="103" spans="1:22" s="91" customFormat="1" x14ac:dyDescent="0.15">
      <c r="A103" s="232"/>
      <c r="B103" s="18" t="s">
        <v>54</v>
      </c>
      <c r="C103" s="107"/>
      <c r="D103" s="107"/>
      <c r="E103" s="107"/>
      <c r="F103" s="107"/>
      <c r="G103" s="107"/>
      <c r="H103" s="14"/>
      <c r="I103" s="14"/>
      <c r="J103" s="61"/>
      <c r="K103" s="31"/>
      <c r="L103" s="108"/>
      <c r="M103" s="108"/>
      <c r="N103" s="108"/>
      <c r="O103" s="108"/>
      <c r="P103" s="108"/>
      <c r="Q103" s="108"/>
    </row>
    <row r="104" spans="1:22" x14ac:dyDescent="0.15">
      <c r="A104" s="232"/>
      <c r="B104" s="18"/>
      <c r="C104" s="18"/>
      <c r="D104" s="18"/>
      <c r="E104" s="18"/>
      <c r="F104" s="18"/>
      <c r="G104" s="18"/>
      <c r="H104" s="14"/>
      <c r="I104" s="14"/>
      <c r="L104" s="76"/>
      <c r="M104" s="76"/>
      <c r="N104" s="76"/>
      <c r="O104" s="76"/>
      <c r="P104" s="76"/>
      <c r="Q104" s="76"/>
      <c r="R104" s="8"/>
      <c r="S104" s="8"/>
      <c r="T104" s="8"/>
      <c r="U104" s="8"/>
      <c r="V104" s="8"/>
    </row>
    <row r="105" spans="1:22" ht="34.5" customHeight="1" x14ac:dyDescent="0.15">
      <c r="A105" s="232"/>
      <c r="B105" s="18"/>
      <c r="C105" s="3"/>
      <c r="D105" s="3"/>
      <c r="F105" s="3"/>
      <c r="G105" s="3"/>
      <c r="H105" s="206"/>
      <c r="I105" s="206"/>
      <c r="J105" s="77" t="s">
        <v>35</v>
      </c>
      <c r="K105" s="78"/>
      <c r="L105" s="66" t="s">
        <v>525</v>
      </c>
      <c r="M105" s="66" t="s">
        <v>527</v>
      </c>
      <c r="N105" s="66" t="s">
        <v>528</v>
      </c>
      <c r="O105" s="66" t="s">
        <v>529</v>
      </c>
      <c r="P105" s="66" t="s">
        <v>530</v>
      </c>
      <c r="Q105" s="66" t="s">
        <v>531</v>
      </c>
      <c r="R105" s="8"/>
      <c r="S105" s="8"/>
      <c r="T105" s="8"/>
      <c r="U105" s="8"/>
      <c r="V105" s="8"/>
    </row>
    <row r="106" spans="1:22" ht="20.25" customHeight="1" x14ac:dyDescent="0.15">
      <c r="A106" s="232"/>
      <c r="B106" s="1"/>
      <c r="C106" s="62"/>
      <c r="D106" s="3"/>
      <c r="F106" s="3"/>
      <c r="G106" s="3"/>
      <c r="H106" s="206"/>
      <c r="I106" s="67" t="s">
        <v>55</v>
      </c>
      <c r="J106" s="68"/>
      <c r="K106" s="79"/>
      <c r="L106" s="70" t="s">
        <v>526</v>
      </c>
      <c r="M106" s="70" t="s">
        <v>526</v>
      </c>
      <c r="N106" s="70" t="s">
        <v>526</v>
      </c>
      <c r="O106" s="70" t="s">
        <v>526</v>
      </c>
      <c r="P106" s="70" t="s">
        <v>526</v>
      </c>
      <c r="Q106" s="70" t="s">
        <v>526</v>
      </c>
      <c r="R106" s="8"/>
      <c r="S106" s="8"/>
      <c r="T106" s="8"/>
      <c r="U106" s="8"/>
      <c r="V106" s="8"/>
    </row>
    <row r="107" spans="1:22" s="83" customFormat="1" ht="67.5" customHeight="1" x14ac:dyDescent="0.15">
      <c r="A107" s="232"/>
      <c r="B107" s="1"/>
      <c r="C107" s="343" t="s">
        <v>56</v>
      </c>
      <c r="D107" s="344"/>
      <c r="E107" s="344"/>
      <c r="F107" s="344"/>
      <c r="G107" s="344"/>
      <c r="H107" s="345"/>
      <c r="I107" s="393" t="s">
        <v>57</v>
      </c>
      <c r="J107" s="110"/>
      <c r="K107" s="97"/>
      <c r="L107" s="98" t="s">
        <v>535</v>
      </c>
      <c r="M107" s="98" t="s">
        <v>535</v>
      </c>
      <c r="N107" s="98" t="s">
        <v>535</v>
      </c>
      <c r="O107" s="98" t="s">
        <v>536</v>
      </c>
      <c r="P107" s="98" t="s">
        <v>536</v>
      </c>
      <c r="Q107" s="98" t="s">
        <v>536</v>
      </c>
    </row>
    <row r="108" spans="1:22" s="83" customFormat="1" ht="34.5" customHeight="1" x14ac:dyDescent="0.15">
      <c r="A108" s="232"/>
      <c r="B108" s="84"/>
      <c r="C108" s="99"/>
      <c r="D108" s="100"/>
      <c r="E108" s="324" t="s">
        <v>58</v>
      </c>
      <c r="F108" s="325"/>
      <c r="G108" s="325"/>
      <c r="H108" s="326"/>
      <c r="I108" s="393"/>
      <c r="J108" s="101"/>
      <c r="K108" s="102"/>
      <c r="L108" s="82">
        <v>40</v>
      </c>
      <c r="M108" s="82">
        <v>40</v>
      </c>
      <c r="N108" s="82">
        <v>40</v>
      </c>
      <c r="O108" s="82">
        <v>40</v>
      </c>
      <c r="P108" s="82">
        <v>40</v>
      </c>
      <c r="Q108" s="82">
        <v>40</v>
      </c>
    </row>
    <row r="109" spans="1:22" s="83" customFormat="1" ht="67.5" customHeight="1" x14ac:dyDescent="0.15">
      <c r="A109" s="232"/>
      <c r="B109" s="84"/>
      <c r="C109" s="343" t="s">
        <v>59</v>
      </c>
      <c r="D109" s="344"/>
      <c r="E109" s="344"/>
      <c r="F109" s="344"/>
      <c r="G109" s="344"/>
      <c r="H109" s="345"/>
      <c r="I109" s="393"/>
      <c r="J109" s="101"/>
      <c r="K109" s="102"/>
      <c r="L109" s="98" t="s">
        <v>533</v>
      </c>
      <c r="M109" s="98" t="s">
        <v>533</v>
      </c>
      <c r="N109" s="98" t="s">
        <v>533</v>
      </c>
      <c r="O109" s="98" t="s">
        <v>533</v>
      </c>
      <c r="P109" s="98" t="s">
        <v>533</v>
      </c>
      <c r="Q109" s="98" t="s">
        <v>533</v>
      </c>
    </row>
    <row r="110" spans="1:22" s="83" customFormat="1" ht="34.5" customHeight="1" x14ac:dyDescent="0.15">
      <c r="A110" s="232"/>
      <c r="B110" s="84"/>
      <c r="C110" s="111"/>
      <c r="D110" s="112"/>
      <c r="E110" s="324" t="s">
        <v>60</v>
      </c>
      <c r="F110" s="325"/>
      <c r="G110" s="325"/>
      <c r="H110" s="326"/>
      <c r="I110" s="393"/>
      <c r="J110" s="101"/>
      <c r="K110" s="102"/>
      <c r="L110" s="82">
        <v>0</v>
      </c>
      <c r="M110" s="82">
        <v>0</v>
      </c>
      <c r="N110" s="82">
        <v>0</v>
      </c>
      <c r="O110" s="82">
        <v>0</v>
      </c>
      <c r="P110" s="82">
        <v>0</v>
      </c>
      <c r="Q110" s="82">
        <v>0</v>
      </c>
    </row>
    <row r="111" spans="1:22" s="83" customFormat="1" ht="67.5" customHeight="1" x14ac:dyDescent="0.15">
      <c r="A111" s="232"/>
      <c r="B111" s="84"/>
      <c r="C111" s="343" t="s">
        <v>59</v>
      </c>
      <c r="D111" s="344"/>
      <c r="E111" s="344"/>
      <c r="F111" s="344"/>
      <c r="G111" s="344"/>
      <c r="H111" s="345"/>
      <c r="I111" s="393"/>
      <c r="J111" s="101"/>
      <c r="K111" s="102"/>
      <c r="L111" s="98" t="s">
        <v>533</v>
      </c>
      <c r="M111" s="98" t="s">
        <v>533</v>
      </c>
      <c r="N111" s="98" t="s">
        <v>533</v>
      </c>
      <c r="O111" s="98" t="s">
        <v>533</v>
      </c>
      <c r="P111" s="98" t="s">
        <v>533</v>
      </c>
      <c r="Q111" s="98" t="s">
        <v>533</v>
      </c>
    </row>
    <row r="112" spans="1:22" s="83" customFormat="1" ht="34.5" customHeight="1" x14ac:dyDescent="0.15">
      <c r="A112" s="232"/>
      <c r="B112" s="84"/>
      <c r="C112" s="113"/>
      <c r="D112" s="114"/>
      <c r="E112" s="324" t="s">
        <v>60</v>
      </c>
      <c r="F112" s="325"/>
      <c r="G112" s="325"/>
      <c r="H112" s="326"/>
      <c r="I112" s="393"/>
      <c r="J112" s="101"/>
      <c r="K112" s="102"/>
      <c r="L112" s="82">
        <v>0</v>
      </c>
      <c r="M112" s="82">
        <v>0</v>
      </c>
      <c r="N112" s="82">
        <v>0</v>
      </c>
      <c r="O112" s="82">
        <v>0</v>
      </c>
      <c r="P112" s="82">
        <v>0</v>
      </c>
      <c r="Q112" s="82">
        <v>0</v>
      </c>
    </row>
    <row r="113" spans="1:22" s="83" customFormat="1" ht="34.5" customHeight="1" x14ac:dyDescent="0.15">
      <c r="A113" s="232"/>
      <c r="B113" s="84"/>
      <c r="C113" s="324" t="s">
        <v>61</v>
      </c>
      <c r="D113" s="325"/>
      <c r="E113" s="325"/>
      <c r="F113" s="325"/>
      <c r="G113" s="325"/>
      <c r="H113" s="326"/>
      <c r="I113" s="393"/>
      <c r="J113" s="105"/>
      <c r="K113" s="106"/>
      <c r="L113" s="82">
        <v>0</v>
      </c>
      <c r="M113" s="82">
        <v>0</v>
      </c>
      <c r="N113" s="82">
        <v>0</v>
      </c>
      <c r="O113" s="82">
        <v>0</v>
      </c>
      <c r="P113" s="82">
        <v>0</v>
      </c>
      <c r="Q113" s="82">
        <v>0</v>
      </c>
    </row>
    <row r="114" spans="1:22" s="91" customFormat="1" x14ac:dyDescent="0.15">
      <c r="A114" s="232"/>
      <c r="B114" s="18"/>
      <c r="C114" s="18"/>
      <c r="D114" s="18"/>
      <c r="E114" s="18"/>
      <c r="F114" s="18"/>
      <c r="G114" s="18"/>
      <c r="H114" s="14"/>
      <c r="I114" s="14"/>
      <c r="J114" s="88"/>
      <c r="K114" s="89"/>
      <c r="L114" s="90"/>
      <c r="M114" s="90"/>
      <c r="N114" s="90"/>
      <c r="O114" s="90"/>
      <c r="P114" s="90"/>
      <c r="Q114" s="90"/>
    </row>
    <row r="115" spans="1:22" s="91" customFormat="1" x14ac:dyDescent="0.15">
      <c r="A115" s="232"/>
      <c r="B115" s="18"/>
      <c r="C115" s="18"/>
      <c r="D115" s="18"/>
      <c r="E115" s="18"/>
      <c r="F115" s="18"/>
      <c r="G115" s="18"/>
      <c r="H115" s="14"/>
      <c r="I115" s="14"/>
      <c r="J115" s="88"/>
      <c r="K115" s="89"/>
      <c r="L115" s="90"/>
      <c r="M115" s="90"/>
      <c r="N115" s="90"/>
      <c r="O115" s="90"/>
      <c r="P115" s="90"/>
      <c r="Q115" s="90"/>
    </row>
    <row r="116" spans="1:22" s="115" customFormat="1" x14ac:dyDescent="0.15">
      <c r="A116" s="232"/>
      <c r="C116" s="3"/>
      <c r="D116" s="3"/>
      <c r="E116" s="3"/>
      <c r="F116" s="3"/>
      <c r="G116" s="3"/>
      <c r="H116" s="206"/>
      <c r="I116" s="206"/>
      <c r="J116" s="61"/>
      <c r="K116" s="31"/>
      <c r="L116" s="108"/>
      <c r="M116" s="108"/>
      <c r="N116" s="108"/>
      <c r="O116" s="108"/>
      <c r="P116" s="108"/>
      <c r="Q116" s="108"/>
    </row>
    <row r="117" spans="1:22" s="115" customFormat="1" x14ac:dyDescent="0.15">
      <c r="A117" s="232"/>
      <c r="B117" s="18" t="s">
        <v>62</v>
      </c>
      <c r="C117" s="3"/>
      <c r="D117" s="3"/>
      <c r="E117" s="3"/>
      <c r="F117" s="3"/>
      <c r="G117" s="3"/>
      <c r="H117" s="206"/>
      <c r="I117" s="206"/>
      <c r="J117" s="61"/>
      <c r="K117" s="31"/>
      <c r="L117" s="108"/>
      <c r="M117" s="108"/>
      <c r="N117" s="108"/>
      <c r="O117" s="108"/>
      <c r="P117" s="108"/>
      <c r="Q117" s="108"/>
    </row>
    <row r="118" spans="1:22" x14ac:dyDescent="0.15">
      <c r="A118" s="232"/>
      <c r="B118" s="18"/>
      <c r="C118" s="18"/>
      <c r="D118" s="18"/>
      <c r="E118" s="18"/>
      <c r="F118" s="18"/>
      <c r="G118" s="18"/>
      <c r="H118" s="14"/>
      <c r="I118" s="14"/>
      <c r="L118" s="76"/>
      <c r="M118" s="76"/>
      <c r="N118" s="76"/>
      <c r="O118" s="76"/>
      <c r="P118" s="76"/>
      <c r="Q118" s="76"/>
      <c r="R118" s="8"/>
      <c r="S118" s="8"/>
      <c r="T118" s="8"/>
      <c r="U118" s="8"/>
      <c r="V118" s="8"/>
    </row>
    <row r="119" spans="1:22" ht="34.5" customHeight="1" x14ac:dyDescent="0.15">
      <c r="A119" s="232"/>
      <c r="B119" s="18"/>
      <c r="C119" s="3"/>
      <c r="D119" s="3"/>
      <c r="F119" s="3"/>
      <c r="G119" s="3"/>
      <c r="H119" s="206"/>
      <c r="I119" s="206"/>
      <c r="J119" s="77" t="s">
        <v>35</v>
      </c>
      <c r="K119" s="78"/>
      <c r="L119" s="66" t="s">
        <v>525</v>
      </c>
      <c r="M119" s="66" t="s">
        <v>527</v>
      </c>
      <c r="N119" s="66" t="s">
        <v>528</v>
      </c>
      <c r="O119" s="66" t="s">
        <v>529</v>
      </c>
      <c r="P119" s="66" t="s">
        <v>530</v>
      </c>
      <c r="Q119" s="66" t="s">
        <v>531</v>
      </c>
      <c r="R119" s="8"/>
      <c r="S119" s="8"/>
      <c r="T119" s="8"/>
      <c r="U119" s="8"/>
      <c r="V119" s="8"/>
    </row>
    <row r="120" spans="1:22" ht="20.25" customHeight="1" x14ac:dyDescent="0.15">
      <c r="A120" s="232"/>
      <c r="B120" s="1"/>
      <c r="C120" s="62"/>
      <c r="D120" s="3"/>
      <c r="F120" s="3"/>
      <c r="G120" s="3"/>
      <c r="H120" s="206"/>
      <c r="I120" s="67" t="s">
        <v>55</v>
      </c>
      <c r="J120" s="68"/>
      <c r="K120" s="79"/>
      <c r="L120" s="70" t="s">
        <v>526</v>
      </c>
      <c r="M120" s="70" t="s">
        <v>526</v>
      </c>
      <c r="N120" s="70" t="s">
        <v>526</v>
      </c>
      <c r="O120" s="70" t="s">
        <v>526</v>
      </c>
      <c r="P120" s="70" t="s">
        <v>526</v>
      </c>
      <c r="Q120" s="70" t="s">
        <v>526</v>
      </c>
      <c r="R120" s="8"/>
      <c r="S120" s="8"/>
      <c r="T120" s="8"/>
      <c r="U120" s="8"/>
      <c r="V120" s="8"/>
    </row>
    <row r="121" spans="1:22" s="118" customFormat="1" ht="34.5" customHeight="1" x14ac:dyDescent="0.15">
      <c r="A121" s="232"/>
      <c r="B121" s="115"/>
      <c r="C121" s="324" t="s">
        <v>63</v>
      </c>
      <c r="D121" s="325"/>
      <c r="E121" s="325"/>
      <c r="F121" s="325"/>
      <c r="G121" s="325"/>
      <c r="H121" s="326"/>
      <c r="I121" s="349" t="s">
        <v>64</v>
      </c>
      <c r="J121" s="116">
        <v>0</v>
      </c>
      <c r="K121" s="81" t="s">
        <v>542</v>
      </c>
      <c r="L121" s="117">
        <v>0</v>
      </c>
      <c r="M121" s="117">
        <v>0</v>
      </c>
      <c r="N121" s="117">
        <v>0</v>
      </c>
      <c r="O121" s="117">
        <v>0</v>
      </c>
      <c r="P121" s="117">
        <v>0</v>
      </c>
      <c r="Q121" s="117">
        <v>0</v>
      </c>
    </row>
    <row r="122" spans="1:22" s="118" customFormat="1" ht="34.5" customHeight="1" x14ac:dyDescent="0.15">
      <c r="A122" s="232"/>
      <c r="B122" s="115"/>
      <c r="C122" s="324" t="s">
        <v>65</v>
      </c>
      <c r="D122" s="325"/>
      <c r="E122" s="325"/>
      <c r="F122" s="325"/>
      <c r="G122" s="325"/>
      <c r="H122" s="326"/>
      <c r="I122" s="417"/>
      <c r="J122" s="116">
        <v>0</v>
      </c>
      <c r="K122" s="81" t="s">
        <v>542</v>
      </c>
      <c r="L122" s="117">
        <v>0</v>
      </c>
      <c r="M122" s="117">
        <v>0</v>
      </c>
      <c r="N122" s="117">
        <v>0</v>
      </c>
      <c r="O122" s="117">
        <v>0</v>
      </c>
      <c r="P122" s="117">
        <v>0</v>
      </c>
      <c r="Q122" s="117">
        <v>0</v>
      </c>
    </row>
    <row r="123" spans="1:22" s="118" customFormat="1" ht="34.5" customHeight="1" x14ac:dyDescent="0.15">
      <c r="A123" s="232"/>
      <c r="B123" s="115"/>
      <c r="C123" s="324" t="s">
        <v>66</v>
      </c>
      <c r="D123" s="325"/>
      <c r="E123" s="325"/>
      <c r="F123" s="325"/>
      <c r="G123" s="325"/>
      <c r="H123" s="326"/>
      <c r="I123" s="417"/>
      <c r="J123" s="116">
        <v>0</v>
      </c>
      <c r="K123" s="81" t="s">
        <v>542</v>
      </c>
      <c r="L123" s="117">
        <v>0</v>
      </c>
      <c r="M123" s="117">
        <v>0</v>
      </c>
      <c r="N123" s="117">
        <v>0</v>
      </c>
      <c r="O123" s="117">
        <v>0</v>
      </c>
      <c r="P123" s="117">
        <v>0</v>
      </c>
      <c r="Q123" s="117">
        <v>0</v>
      </c>
    </row>
    <row r="124" spans="1:22" s="118" customFormat="1" ht="34.5" customHeight="1" x14ac:dyDescent="0.15">
      <c r="A124" s="232"/>
      <c r="B124" s="115"/>
      <c r="C124" s="324" t="s">
        <v>67</v>
      </c>
      <c r="D124" s="325"/>
      <c r="E124" s="325"/>
      <c r="F124" s="325"/>
      <c r="G124" s="325"/>
      <c r="H124" s="326"/>
      <c r="I124" s="417"/>
      <c r="J124" s="116">
        <v>0</v>
      </c>
      <c r="K124" s="81" t="s">
        <v>542</v>
      </c>
      <c r="L124" s="117">
        <v>0</v>
      </c>
      <c r="M124" s="117">
        <v>0</v>
      </c>
      <c r="N124" s="117">
        <v>0</v>
      </c>
      <c r="O124" s="117">
        <v>0</v>
      </c>
      <c r="P124" s="117">
        <v>0</v>
      </c>
      <c r="Q124" s="117">
        <v>0</v>
      </c>
    </row>
    <row r="125" spans="1:22" s="118" customFormat="1" ht="34.5" customHeight="1" x14ac:dyDescent="0.15">
      <c r="A125" s="232"/>
      <c r="B125" s="115"/>
      <c r="C125" s="324" t="s">
        <v>68</v>
      </c>
      <c r="D125" s="325"/>
      <c r="E125" s="325"/>
      <c r="F125" s="325"/>
      <c r="G125" s="325"/>
      <c r="H125" s="326"/>
      <c r="I125" s="417"/>
      <c r="J125" s="116">
        <v>0</v>
      </c>
      <c r="K125" s="81" t="s">
        <v>542</v>
      </c>
      <c r="L125" s="117">
        <v>0</v>
      </c>
      <c r="M125" s="117">
        <v>0</v>
      </c>
      <c r="N125" s="117">
        <v>0</v>
      </c>
      <c r="O125" s="117">
        <v>0</v>
      </c>
      <c r="P125" s="117">
        <v>0</v>
      </c>
      <c r="Q125" s="117">
        <v>0</v>
      </c>
    </row>
    <row r="126" spans="1:22" s="118" customFormat="1" ht="34.5" customHeight="1" x14ac:dyDescent="0.15">
      <c r="A126" s="232"/>
      <c r="B126" s="115"/>
      <c r="C126" s="324" t="s">
        <v>69</v>
      </c>
      <c r="D126" s="325"/>
      <c r="E126" s="325"/>
      <c r="F126" s="325"/>
      <c r="G126" s="325"/>
      <c r="H126" s="326"/>
      <c r="I126" s="417"/>
      <c r="J126" s="116">
        <v>0</v>
      </c>
      <c r="K126" s="81" t="s">
        <v>542</v>
      </c>
      <c r="L126" s="117">
        <v>0</v>
      </c>
      <c r="M126" s="117">
        <v>0</v>
      </c>
      <c r="N126" s="117">
        <v>0</v>
      </c>
      <c r="O126" s="117">
        <v>0</v>
      </c>
      <c r="P126" s="117">
        <v>0</v>
      </c>
      <c r="Q126" s="117">
        <v>0</v>
      </c>
    </row>
    <row r="127" spans="1:22" s="118" customFormat="1" ht="34.5" customHeight="1" x14ac:dyDescent="0.15">
      <c r="A127" s="232"/>
      <c r="B127" s="115"/>
      <c r="C127" s="324" t="s">
        <v>70</v>
      </c>
      <c r="D127" s="325"/>
      <c r="E127" s="325"/>
      <c r="F127" s="325"/>
      <c r="G127" s="325"/>
      <c r="H127" s="326"/>
      <c r="I127" s="417"/>
      <c r="J127" s="116">
        <v>105</v>
      </c>
      <c r="K127" s="81" t="s">
        <v>542</v>
      </c>
      <c r="L127" s="117">
        <v>0</v>
      </c>
      <c r="M127" s="117">
        <v>0</v>
      </c>
      <c r="N127" s="117">
        <v>0</v>
      </c>
      <c r="O127" s="117">
        <v>35</v>
      </c>
      <c r="P127" s="117">
        <v>34</v>
      </c>
      <c r="Q127" s="117">
        <v>36</v>
      </c>
    </row>
    <row r="128" spans="1:22" s="118" customFormat="1" ht="34.5" customHeight="1" x14ac:dyDescent="0.15">
      <c r="A128" s="232"/>
      <c r="B128" s="115"/>
      <c r="C128" s="324" t="s">
        <v>71</v>
      </c>
      <c r="D128" s="325"/>
      <c r="E128" s="325"/>
      <c r="F128" s="325"/>
      <c r="G128" s="325"/>
      <c r="H128" s="326"/>
      <c r="I128" s="417"/>
      <c r="J128" s="116">
        <v>0</v>
      </c>
      <c r="K128" s="81" t="s">
        <v>542</v>
      </c>
      <c r="L128" s="117">
        <v>0</v>
      </c>
      <c r="M128" s="117">
        <v>0</v>
      </c>
      <c r="N128" s="117">
        <v>0</v>
      </c>
      <c r="O128" s="117">
        <v>0</v>
      </c>
      <c r="P128" s="117">
        <v>0</v>
      </c>
      <c r="Q128" s="117">
        <v>0</v>
      </c>
    </row>
    <row r="129" spans="1:17" s="118" customFormat="1" ht="34.5" customHeight="1" x14ac:dyDescent="0.15">
      <c r="A129" s="232"/>
      <c r="B129" s="115"/>
      <c r="C129" s="324" t="s">
        <v>72</v>
      </c>
      <c r="D129" s="325"/>
      <c r="E129" s="325"/>
      <c r="F129" s="325"/>
      <c r="G129" s="325"/>
      <c r="H129" s="326"/>
      <c r="I129" s="417"/>
      <c r="J129" s="116">
        <v>0</v>
      </c>
      <c r="K129" s="81" t="s">
        <v>542</v>
      </c>
      <c r="L129" s="117">
        <v>0</v>
      </c>
      <c r="M129" s="117">
        <v>0</v>
      </c>
      <c r="N129" s="117">
        <v>0</v>
      </c>
      <c r="O129" s="117">
        <v>0</v>
      </c>
      <c r="P129" s="117">
        <v>0</v>
      </c>
      <c r="Q129" s="117">
        <v>0</v>
      </c>
    </row>
    <row r="130" spans="1:17" s="118" customFormat="1" ht="34.5" customHeight="1" x14ac:dyDescent="0.15">
      <c r="A130" s="232"/>
      <c r="B130" s="115"/>
      <c r="C130" s="324" t="s">
        <v>73</v>
      </c>
      <c r="D130" s="325"/>
      <c r="E130" s="325"/>
      <c r="F130" s="325"/>
      <c r="G130" s="325"/>
      <c r="H130" s="326"/>
      <c r="I130" s="417"/>
      <c r="J130" s="116">
        <v>0</v>
      </c>
      <c r="K130" s="81" t="s">
        <v>542</v>
      </c>
      <c r="L130" s="117">
        <v>0</v>
      </c>
      <c r="M130" s="117">
        <v>0</v>
      </c>
      <c r="N130" s="117">
        <v>0</v>
      </c>
      <c r="O130" s="117">
        <v>0</v>
      </c>
      <c r="P130" s="117">
        <v>0</v>
      </c>
      <c r="Q130" s="117">
        <v>0</v>
      </c>
    </row>
    <row r="131" spans="1:17" s="118" customFormat="1" ht="34.5" customHeight="1" x14ac:dyDescent="0.15">
      <c r="A131" s="232"/>
      <c r="B131" s="115"/>
      <c r="C131" s="324" t="s">
        <v>74</v>
      </c>
      <c r="D131" s="325"/>
      <c r="E131" s="325"/>
      <c r="F131" s="325"/>
      <c r="G131" s="325"/>
      <c r="H131" s="326"/>
      <c r="I131" s="417"/>
      <c r="J131" s="116">
        <v>0</v>
      </c>
      <c r="K131" s="81" t="s">
        <v>542</v>
      </c>
      <c r="L131" s="117">
        <v>0</v>
      </c>
      <c r="M131" s="117">
        <v>0</v>
      </c>
      <c r="N131" s="117">
        <v>0</v>
      </c>
      <c r="O131" s="117">
        <v>0</v>
      </c>
      <c r="P131" s="117">
        <v>0</v>
      </c>
      <c r="Q131" s="117">
        <v>0</v>
      </c>
    </row>
    <row r="132" spans="1:17" s="118" customFormat="1" ht="34.5" customHeight="1" x14ac:dyDescent="0.15">
      <c r="A132" s="232"/>
      <c r="B132" s="115"/>
      <c r="C132" s="324" t="s">
        <v>75</v>
      </c>
      <c r="D132" s="325"/>
      <c r="E132" s="325"/>
      <c r="F132" s="325"/>
      <c r="G132" s="325"/>
      <c r="H132" s="326"/>
      <c r="I132" s="417"/>
      <c r="J132" s="116">
        <v>0</v>
      </c>
      <c r="K132" s="81" t="s">
        <v>542</v>
      </c>
      <c r="L132" s="117">
        <v>0</v>
      </c>
      <c r="M132" s="117">
        <v>0</v>
      </c>
      <c r="N132" s="117">
        <v>0</v>
      </c>
      <c r="O132" s="117">
        <v>0</v>
      </c>
      <c r="P132" s="117">
        <v>0</v>
      </c>
      <c r="Q132" s="117">
        <v>0</v>
      </c>
    </row>
    <row r="133" spans="1:17" s="118" customFormat="1" ht="34.5" customHeight="1" x14ac:dyDescent="0.15">
      <c r="A133" s="232"/>
      <c r="B133" s="115"/>
      <c r="C133" s="324" t="s">
        <v>76</v>
      </c>
      <c r="D133" s="325"/>
      <c r="E133" s="325"/>
      <c r="F133" s="325"/>
      <c r="G133" s="325"/>
      <c r="H133" s="326"/>
      <c r="I133" s="417"/>
      <c r="J133" s="116">
        <v>0</v>
      </c>
      <c r="K133" s="81" t="s">
        <v>542</v>
      </c>
      <c r="L133" s="117">
        <v>0</v>
      </c>
      <c r="M133" s="117">
        <v>0</v>
      </c>
      <c r="N133" s="117">
        <v>0</v>
      </c>
      <c r="O133" s="117">
        <v>0</v>
      </c>
      <c r="P133" s="117">
        <v>0</v>
      </c>
      <c r="Q133" s="117">
        <v>0</v>
      </c>
    </row>
    <row r="134" spans="1:17" s="118" customFormat="1" ht="34.5" customHeight="1" x14ac:dyDescent="0.15">
      <c r="A134" s="232"/>
      <c r="B134" s="115"/>
      <c r="C134" s="324" t="s">
        <v>77</v>
      </c>
      <c r="D134" s="325"/>
      <c r="E134" s="325"/>
      <c r="F134" s="325"/>
      <c r="G134" s="325"/>
      <c r="H134" s="326"/>
      <c r="I134" s="417"/>
      <c r="J134" s="116">
        <v>0</v>
      </c>
      <c r="K134" s="81" t="s">
        <v>542</v>
      </c>
      <c r="L134" s="117">
        <v>0</v>
      </c>
      <c r="M134" s="117">
        <v>0</v>
      </c>
      <c r="N134" s="117">
        <v>0</v>
      </c>
      <c r="O134" s="117">
        <v>0</v>
      </c>
      <c r="P134" s="117">
        <v>0</v>
      </c>
      <c r="Q134" s="117">
        <v>0</v>
      </c>
    </row>
    <row r="135" spans="1:17" s="118" customFormat="1" ht="34.5" customHeight="1" x14ac:dyDescent="0.15">
      <c r="A135" s="232"/>
      <c r="B135" s="115"/>
      <c r="C135" s="324" t="s">
        <v>78</v>
      </c>
      <c r="D135" s="325"/>
      <c r="E135" s="325"/>
      <c r="F135" s="325"/>
      <c r="G135" s="325"/>
      <c r="H135" s="326"/>
      <c r="I135" s="417"/>
      <c r="J135" s="116">
        <v>0</v>
      </c>
      <c r="K135" s="81" t="s">
        <v>542</v>
      </c>
      <c r="L135" s="117">
        <v>0</v>
      </c>
      <c r="M135" s="117">
        <v>0</v>
      </c>
      <c r="N135" s="117">
        <v>0</v>
      </c>
      <c r="O135" s="117">
        <v>0</v>
      </c>
      <c r="P135" s="117">
        <v>0</v>
      </c>
      <c r="Q135" s="117">
        <v>0</v>
      </c>
    </row>
    <row r="136" spans="1:17" s="118" customFormat="1" ht="34.5" customHeight="1" x14ac:dyDescent="0.15">
      <c r="A136" s="232"/>
      <c r="B136" s="115"/>
      <c r="C136" s="324" t="s">
        <v>79</v>
      </c>
      <c r="D136" s="325"/>
      <c r="E136" s="325"/>
      <c r="F136" s="325"/>
      <c r="G136" s="325"/>
      <c r="H136" s="326"/>
      <c r="I136" s="417"/>
      <c r="J136" s="116">
        <v>0</v>
      </c>
      <c r="K136" s="81" t="s">
        <v>542</v>
      </c>
      <c r="L136" s="117">
        <v>0</v>
      </c>
      <c r="M136" s="117">
        <v>0</v>
      </c>
      <c r="N136" s="117">
        <v>0</v>
      </c>
      <c r="O136" s="117">
        <v>0</v>
      </c>
      <c r="P136" s="117">
        <v>0</v>
      </c>
      <c r="Q136" s="117">
        <v>0</v>
      </c>
    </row>
    <row r="137" spans="1:17" s="118" customFormat="1" ht="34.5" customHeight="1" x14ac:dyDescent="0.15">
      <c r="A137" s="232"/>
      <c r="B137" s="115"/>
      <c r="C137" s="324" t="s">
        <v>80</v>
      </c>
      <c r="D137" s="325"/>
      <c r="E137" s="325"/>
      <c r="F137" s="325"/>
      <c r="G137" s="325"/>
      <c r="H137" s="326"/>
      <c r="I137" s="417"/>
      <c r="J137" s="116">
        <v>108</v>
      </c>
      <c r="K137" s="81" t="s">
        <v>542</v>
      </c>
      <c r="L137" s="117">
        <v>34</v>
      </c>
      <c r="M137" s="117">
        <v>38</v>
      </c>
      <c r="N137" s="117">
        <v>36</v>
      </c>
      <c r="O137" s="117">
        <v>0</v>
      </c>
      <c r="P137" s="117">
        <v>0</v>
      </c>
      <c r="Q137" s="117">
        <v>0</v>
      </c>
    </row>
    <row r="138" spans="1:17" s="118" customFormat="1" ht="34.5" customHeight="1" x14ac:dyDescent="0.15">
      <c r="A138" s="232"/>
      <c r="B138" s="115"/>
      <c r="C138" s="324" t="s">
        <v>81</v>
      </c>
      <c r="D138" s="325"/>
      <c r="E138" s="325"/>
      <c r="F138" s="325"/>
      <c r="G138" s="325"/>
      <c r="H138" s="326"/>
      <c r="I138" s="417"/>
      <c r="J138" s="116">
        <v>0</v>
      </c>
      <c r="K138" s="81" t="s">
        <v>542</v>
      </c>
      <c r="L138" s="117">
        <v>0</v>
      </c>
      <c r="M138" s="117">
        <v>0</v>
      </c>
      <c r="N138" s="117">
        <v>0</v>
      </c>
      <c r="O138" s="117">
        <v>0</v>
      </c>
      <c r="P138" s="117">
        <v>0</v>
      </c>
      <c r="Q138" s="117">
        <v>0</v>
      </c>
    </row>
    <row r="139" spans="1:17" s="118" customFormat="1" ht="34.5" customHeight="1" x14ac:dyDescent="0.15">
      <c r="A139" s="232"/>
      <c r="B139" s="115"/>
      <c r="C139" s="324" t="s">
        <v>82</v>
      </c>
      <c r="D139" s="325"/>
      <c r="E139" s="325"/>
      <c r="F139" s="325"/>
      <c r="G139" s="325"/>
      <c r="H139" s="326"/>
      <c r="I139" s="417"/>
      <c r="J139" s="116">
        <v>0</v>
      </c>
      <c r="K139" s="81" t="s">
        <v>542</v>
      </c>
      <c r="L139" s="117">
        <v>0</v>
      </c>
      <c r="M139" s="117">
        <v>0</v>
      </c>
      <c r="N139" s="117">
        <v>0</v>
      </c>
      <c r="O139" s="117">
        <v>0</v>
      </c>
      <c r="P139" s="117">
        <v>0</v>
      </c>
      <c r="Q139" s="117">
        <v>0</v>
      </c>
    </row>
    <row r="140" spans="1:17" s="118" customFormat="1" ht="34.5" customHeight="1" x14ac:dyDescent="0.15">
      <c r="A140" s="232"/>
      <c r="B140" s="115"/>
      <c r="C140" s="324" t="s">
        <v>83</v>
      </c>
      <c r="D140" s="325"/>
      <c r="E140" s="325"/>
      <c r="F140" s="325"/>
      <c r="G140" s="325"/>
      <c r="H140" s="326"/>
      <c r="I140" s="417"/>
      <c r="J140" s="116">
        <v>0</v>
      </c>
      <c r="K140" s="81" t="s">
        <v>542</v>
      </c>
      <c r="L140" s="117">
        <v>0</v>
      </c>
      <c r="M140" s="117">
        <v>0</v>
      </c>
      <c r="N140" s="117">
        <v>0</v>
      </c>
      <c r="O140" s="117">
        <v>0</v>
      </c>
      <c r="P140" s="117">
        <v>0</v>
      </c>
      <c r="Q140" s="117">
        <v>0</v>
      </c>
    </row>
    <row r="141" spans="1:17" s="118" customFormat="1" ht="34.5" customHeight="1" x14ac:dyDescent="0.15">
      <c r="A141" s="232"/>
      <c r="B141" s="115"/>
      <c r="C141" s="324" t="s">
        <v>84</v>
      </c>
      <c r="D141" s="325"/>
      <c r="E141" s="325"/>
      <c r="F141" s="325"/>
      <c r="G141" s="325"/>
      <c r="H141" s="326"/>
      <c r="I141" s="417"/>
      <c r="J141" s="116">
        <v>0</v>
      </c>
      <c r="K141" s="81" t="s">
        <v>542</v>
      </c>
      <c r="L141" s="117">
        <v>0</v>
      </c>
      <c r="M141" s="117">
        <v>0</v>
      </c>
      <c r="N141" s="117">
        <v>0</v>
      </c>
      <c r="O141" s="117">
        <v>0</v>
      </c>
      <c r="P141" s="117">
        <v>0</v>
      </c>
      <c r="Q141" s="117">
        <v>0</v>
      </c>
    </row>
    <row r="142" spans="1:17" s="118" customFormat="1" ht="34.5" customHeight="1" x14ac:dyDescent="0.15">
      <c r="A142" s="232"/>
      <c r="B142" s="115"/>
      <c r="C142" s="324" t="s">
        <v>85</v>
      </c>
      <c r="D142" s="325"/>
      <c r="E142" s="325"/>
      <c r="F142" s="325"/>
      <c r="G142" s="325"/>
      <c r="H142" s="326"/>
      <c r="I142" s="417"/>
      <c r="J142" s="116">
        <v>0</v>
      </c>
      <c r="K142" s="81" t="s">
        <v>542</v>
      </c>
      <c r="L142" s="117">
        <v>0</v>
      </c>
      <c r="M142" s="117">
        <v>0</v>
      </c>
      <c r="N142" s="117">
        <v>0</v>
      </c>
      <c r="O142" s="117">
        <v>0</v>
      </c>
      <c r="P142" s="117">
        <v>0</v>
      </c>
      <c r="Q142" s="117">
        <v>0</v>
      </c>
    </row>
    <row r="143" spans="1:17" s="118" customFormat="1" ht="34.5" customHeight="1" x14ac:dyDescent="0.15">
      <c r="A143" s="232"/>
      <c r="B143" s="115"/>
      <c r="C143" s="324" t="s">
        <v>86</v>
      </c>
      <c r="D143" s="325"/>
      <c r="E143" s="325"/>
      <c r="F143" s="325"/>
      <c r="G143" s="325"/>
      <c r="H143" s="326"/>
      <c r="I143" s="417"/>
      <c r="J143" s="116">
        <v>0</v>
      </c>
      <c r="K143" s="81" t="s">
        <v>542</v>
      </c>
      <c r="L143" s="117">
        <v>0</v>
      </c>
      <c r="M143" s="117">
        <v>0</v>
      </c>
      <c r="N143" s="117">
        <v>0</v>
      </c>
      <c r="O143" s="117">
        <v>0</v>
      </c>
      <c r="P143" s="117">
        <v>0</v>
      </c>
      <c r="Q143" s="117">
        <v>0</v>
      </c>
    </row>
    <row r="144" spans="1:17" s="118" customFormat="1" ht="34.5" customHeight="1" x14ac:dyDescent="0.15">
      <c r="A144" s="232"/>
      <c r="B144" s="115"/>
      <c r="C144" s="324" t="s">
        <v>87</v>
      </c>
      <c r="D144" s="325"/>
      <c r="E144" s="325"/>
      <c r="F144" s="325"/>
      <c r="G144" s="325"/>
      <c r="H144" s="326"/>
      <c r="I144" s="417"/>
      <c r="J144" s="116">
        <v>0</v>
      </c>
      <c r="K144" s="81" t="s">
        <v>542</v>
      </c>
      <c r="L144" s="117">
        <v>0</v>
      </c>
      <c r="M144" s="117">
        <v>0</v>
      </c>
      <c r="N144" s="117">
        <v>0</v>
      </c>
      <c r="O144" s="117">
        <v>0</v>
      </c>
      <c r="P144" s="117">
        <v>0</v>
      </c>
      <c r="Q144" s="117">
        <v>0</v>
      </c>
    </row>
    <row r="145" spans="1:17" s="118" customFormat="1" ht="34.5" customHeight="1" x14ac:dyDescent="0.15">
      <c r="A145" s="232"/>
      <c r="B145" s="115"/>
      <c r="C145" s="324" t="s">
        <v>88</v>
      </c>
      <c r="D145" s="325"/>
      <c r="E145" s="325"/>
      <c r="F145" s="325"/>
      <c r="G145" s="325"/>
      <c r="H145" s="326"/>
      <c r="I145" s="417"/>
      <c r="J145" s="116">
        <v>0</v>
      </c>
      <c r="K145" s="81" t="s">
        <v>542</v>
      </c>
      <c r="L145" s="117">
        <v>0</v>
      </c>
      <c r="M145" s="117">
        <v>0</v>
      </c>
      <c r="N145" s="117">
        <v>0</v>
      </c>
      <c r="O145" s="117">
        <v>0</v>
      </c>
      <c r="P145" s="117">
        <v>0</v>
      </c>
      <c r="Q145" s="117">
        <v>0</v>
      </c>
    </row>
    <row r="146" spans="1:17" s="118" customFormat="1" ht="34.5" customHeight="1" x14ac:dyDescent="0.15">
      <c r="A146" s="232"/>
      <c r="B146" s="115"/>
      <c r="C146" s="324" t="s">
        <v>89</v>
      </c>
      <c r="D146" s="325"/>
      <c r="E146" s="325"/>
      <c r="F146" s="325"/>
      <c r="G146" s="325"/>
      <c r="H146" s="326"/>
      <c r="I146" s="417"/>
      <c r="J146" s="116">
        <v>0</v>
      </c>
      <c r="K146" s="81" t="s">
        <v>542</v>
      </c>
      <c r="L146" s="117">
        <v>0</v>
      </c>
      <c r="M146" s="117">
        <v>0</v>
      </c>
      <c r="N146" s="117">
        <v>0</v>
      </c>
      <c r="O146" s="117">
        <v>0</v>
      </c>
      <c r="P146" s="117">
        <v>0</v>
      </c>
      <c r="Q146" s="117">
        <v>0</v>
      </c>
    </row>
    <row r="147" spans="1:17" s="118" customFormat="1" ht="34.5" customHeight="1" x14ac:dyDescent="0.15">
      <c r="A147" s="232"/>
      <c r="B147" s="115"/>
      <c r="C147" s="324" t="s">
        <v>90</v>
      </c>
      <c r="D147" s="325"/>
      <c r="E147" s="325"/>
      <c r="F147" s="325"/>
      <c r="G147" s="325"/>
      <c r="H147" s="326"/>
      <c r="I147" s="417"/>
      <c r="J147" s="116">
        <v>0</v>
      </c>
      <c r="K147" s="81" t="s">
        <v>542</v>
      </c>
      <c r="L147" s="117">
        <v>0</v>
      </c>
      <c r="M147" s="117">
        <v>0</v>
      </c>
      <c r="N147" s="117">
        <v>0</v>
      </c>
      <c r="O147" s="117">
        <v>0</v>
      </c>
      <c r="P147" s="117">
        <v>0</v>
      </c>
      <c r="Q147" s="117">
        <v>0</v>
      </c>
    </row>
    <row r="148" spans="1:17" s="118" customFormat="1" ht="34.5" customHeight="1" x14ac:dyDescent="0.15">
      <c r="A148" s="232"/>
      <c r="B148" s="115"/>
      <c r="C148" s="324" t="s">
        <v>91</v>
      </c>
      <c r="D148" s="325"/>
      <c r="E148" s="325"/>
      <c r="F148" s="325"/>
      <c r="G148" s="325"/>
      <c r="H148" s="326"/>
      <c r="I148" s="417"/>
      <c r="J148" s="116">
        <v>0</v>
      </c>
      <c r="K148" s="81" t="s">
        <v>542</v>
      </c>
      <c r="L148" s="117">
        <v>0</v>
      </c>
      <c r="M148" s="117">
        <v>0</v>
      </c>
      <c r="N148" s="117">
        <v>0</v>
      </c>
      <c r="O148" s="117">
        <v>0</v>
      </c>
      <c r="P148" s="117">
        <v>0</v>
      </c>
      <c r="Q148" s="117">
        <v>0</v>
      </c>
    </row>
    <row r="149" spans="1:17" s="118" customFormat="1" ht="34.5" customHeight="1" x14ac:dyDescent="0.15">
      <c r="A149" s="232"/>
      <c r="B149" s="115"/>
      <c r="C149" s="324" t="s">
        <v>92</v>
      </c>
      <c r="D149" s="325"/>
      <c r="E149" s="325"/>
      <c r="F149" s="325"/>
      <c r="G149" s="325"/>
      <c r="H149" s="326"/>
      <c r="I149" s="417"/>
      <c r="J149" s="116">
        <v>0</v>
      </c>
      <c r="K149" s="81" t="s">
        <v>542</v>
      </c>
      <c r="L149" s="117">
        <v>0</v>
      </c>
      <c r="M149" s="117">
        <v>0</v>
      </c>
      <c r="N149" s="117">
        <v>0</v>
      </c>
      <c r="O149" s="117">
        <v>0</v>
      </c>
      <c r="P149" s="117">
        <v>0</v>
      </c>
      <c r="Q149" s="117">
        <v>0</v>
      </c>
    </row>
    <row r="150" spans="1:17" s="118" customFormat="1" ht="34.5" customHeight="1" x14ac:dyDescent="0.15">
      <c r="A150" s="232"/>
      <c r="B150" s="115"/>
      <c r="C150" s="324" t="s">
        <v>93</v>
      </c>
      <c r="D150" s="325"/>
      <c r="E150" s="325"/>
      <c r="F150" s="325"/>
      <c r="G150" s="325"/>
      <c r="H150" s="326"/>
      <c r="I150" s="417"/>
      <c r="J150" s="116">
        <v>0</v>
      </c>
      <c r="K150" s="81" t="s">
        <v>542</v>
      </c>
      <c r="L150" s="117">
        <v>0</v>
      </c>
      <c r="M150" s="117">
        <v>0</v>
      </c>
      <c r="N150" s="117">
        <v>0</v>
      </c>
      <c r="O150" s="117">
        <v>0</v>
      </c>
      <c r="P150" s="117">
        <v>0</v>
      </c>
      <c r="Q150" s="117">
        <v>0</v>
      </c>
    </row>
    <row r="151" spans="1:17" s="118" customFormat="1" ht="34.5" customHeight="1" x14ac:dyDescent="0.15">
      <c r="A151" s="232"/>
      <c r="B151" s="115"/>
      <c r="C151" s="324" t="s">
        <v>94</v>
      </c>
      <c r="D151" s="325"/>
      <c r="E151" s="325"/>
      <c r="F151" s="325"/>
      <c r="G151" s="325"/>
      <c r="H151" s="326"/>
      <c r="I151" s="417"/>
      <c r="J151" s="116">
        <v>0</v>
      </c>
      <c r="K151" s="81" t="s">
        <v>542</v>
      </c>
      <c r="L151" s="117">
        <v>0</v>
      </c>
      <c r="M151" s="117">
        <v>0</v>
      </c>
      <c r="N151" s="117">
        <v>0</v>
      </c>
      <c r="O151" s="117">
        <v>0</v>
      </c>
      <c r="P151" s="117">
        <v>0</v>
      </c>
      <c r="Q151" s="117">
        <v>0</v>
      </c>
    </row>
    <row r="152" spans="1:17" s="118" customFormat="1" ht="34.5" customHeight="1" x14ac:dyDescent="0.15">
      <c r="A152" s="232"/>
      <c r="B152" s="115"/>
      <c r="C152" s="324" t="s">
        <v>95</v>
      </c>
      <c r="D152" s="325"/>
      <c r="E152" s="325"/>
      <c r="F152" s="325"/>
      <c r="G152" s="325"/>
      <c r="H152" s="326"/>
      <c r="I152" s="417"/>
      <c r="J152" s="116">
        <v>0</v>
      </c>
      <c r="K152" s="81" t="s">
        <v>542</v>
      </c>
      <c r="L152" s="117">
        <v>0</v>
      </c>
      <c r="M152" s="117">
        <v>0</v>
      </c>
      <c r="N152" s="117">
        <v>0</v>
      </c>
      <c r="O152" s="117">
        <v>0</v>
      </c>
      <c r="P152" s="117">
        <v>0</v>
      </c>
      <c r="Q152" s="117">
        <v>0</v>
      </c>
    </row>
    <row r="153" spans="1:17" s="118" customFormat="1" ht="34.5" customHeight="1" x14ac:dyDescent="0.15">
      <c r="A153" s="232"/>
      <c r="B153" s="115"/>
      <c r="C153" s="324" t="s">
        <v>96</v>
      </c>
      <c r="D153" s="325"/>
      <c r="E153" s="325"/>
      <c r="F153" s="325"/>
      <c r="G153" s="325"/>
      <c r="H153" s="326"/>
      <c r="I153" s="417"/>
      <c r="J153" s="116">
        <v>0</v>
      </c>
      <c r="K153" s="81" t="s">
        <v>542</v>
      </c>
      <c r="L153" s="117">
        <v>0</v>
      </c>
      <c r="M153" s="117">
        <v>0</v>
      </c>
      <c r="N153" s="117">
        <v>0</v>
      </c>
      <c r="O153" s="117">
        <v>0</v>
      </c>
      <c r="P153" s="117">
        <v>0</v>
      </c>
      <c r="Q153" s="117">
        <v>0</v>
      </c>
    </row>
    <row r="154" spans="1:17" s="118" customFormat="1" ht="34.5" customHeight="1" x14ac:dyDescent="0.15">
      <c r="A154" s="232"/>
      <c r="B154" s="115"/>
      <c r="C154" s="324" t="s">
        <v>97</v>
      </c>
      <c r="D154" s="325"/>
      <c r="E154" s="325"/>
      <c r="F154" s="325"/>
      <c r="G154" s="325"/>
      <c r="H154" s="326"/>
      <c r="I154" s="417"/>
      <c r="J154" s="116">
        <v>0</v>
      </c>
      <c r="K154" s="81" t="s">
        <v>542</v>
      </c>
      <c r="L154" s="117">
        <v>0</v>
      </c>
      <c r="M154" s="117">
        <v>0</v>
      </c>
      <c r="N154" s="117">
        <v>0</v>
      </c>
      <c r="O154" s="117">
        <v>0</v>
      </c>
      <c r="P154" s="117">
        <v>0</v>
      </c>
      <c r="Q154" s="117">
        <v>0</v>
      </c>
    </row>
    <row r="155" spans="1:17" s="118" customFormat="1" ht="34.5" customHeight="1" x14ac:dyDescent="0.15">
      <c r="A155" s="232"/>
      <c r="B155" s="115"/>
      <c r="C155" s="324" t="s">
        <v>98</v>
      </c>
      <c r="D155" s="325"/>
      <c r="E155" s="325"/>
      <c r="F155" s="325"/>
      <c r="G155" s="325"/>
      <c r="H155" s="326"/>
      <c r="I155" s="417"/>
      <c r="J155" s="116">
        <v>0</v>
      </c>
      <c r="K155" s="81" t="s">
        <v>542</v>
      </c>
      <c r="L155" s="117">
        <v>0</v>
      </c>
      <c r="M155" s="117">
        <v>0</v>
      </c>
      <c r="N155" s="117">
        <v>0</v>
      </c>
      <c r="O155" s="117">
        <v>0</v>
      </c>
      <c r="P155" s="117">
        <v>0</v>
      </c>
      <c r="Q155" s="117">
        <v>0</v>
      </c>
    </row>
    <row r="156" spans="1:17" s="118" customFormat="1" ht="34.5" customHeight="1" x14ac:dyDescent="0.15">
      <c r="A156" s="232"/>
      <c r="B156" s="115"/>
      <c r="C156" s="324" t="s">
        <v>99</v>
      </c>
      <c r="D156" s="325"/>
      <c r="E156" s="325"/>
      <c r="F156" s="325"/>
      <c r="G156" s="325"/>
      <c r="H156" s="326"/>
      <c r="I156" s="417"/>
      <c r="J156" s="116">
        <v>0</v>
      </c>
      <c r="K156" s="81" t="s">
        <v>542</v>
      </c>
      <c r="L156" s="117">
        <v>0</v>
      </c>
      <c r="M156" s="117">
        <v>0</v>
      </c>
      <c r="N156" s="117">
        <v>0</v>
      </c>
      <c r="O156" s="117">
        <v>0</v>
      </c>
      <c r="P156" s="117">
        <v>0</v>
      </c>
      <c r="Q156" s="117">
        <v>0</v>
      </c>
    </row>
    <row r="157" spans="1:17" s="118" customFormat="1" ht="34.5" customHeight="1" x14ac:dyDescent="0.15">
      <c r="A157" s="232"/>
      <c r="B157" s="115"/>
      <c r="C157" s="324" t="s">
        <v>100</v>
      </c>
      <c r="D157" s="325"/>
      <c r="E157" s="325"/>
      <c r="F157" s="325"/>
      <c r="G157" s="325"/>
      <c r="H157" s="326"/>
      <c r="I157" s="417"/>
      <c r="J157" s="116">
        <v>0</v>
      </c>
      <c r="K157" s="81" t="s">
        <v>542</v>
      </c>
      <c r="L157" s="117">
        <v>0</v>
      </c>
      <c r="M157" s="117">
        <v>0</v>
      </c>
      <c r="N157" s="117">
        <v>0</v>
      </c>
      <c r="O157" s="117">
        <v>0</v>
      </c>
      <c r="P157" s="117">
        <v>0</v>
      </c>
      <c r="Q157" s="117">
        <v>0</v>
      </c>
    </row>
    <row r="158" spans="1:17" s="118" customFormat="1" ht="34.5" customHeight="1" x14ac:dyDescent="0.15">
      <c r="A158" s="232"/>
      <c r="B158" s="115"/>
      <c r="C158" s="324" t="s">
        <v>101</v>
      </c>
      <c r="D158" s="325"/>
      <c r="E158" s="325"/>
      <c r="F158" s="325"/>
      <c r="G158" s="325"/>
      <c r="H158" s="326"/>
      <c r="I158" s="417"/>
      <c r="J158" s="116">
        <v>0</v>
      </c>
      <c r="K158" s="81" t="s">
        <v>542</v>
      </c>
      <c r="L158" s="117">
        <v>0</v>
      </c>
      <c r="M158" s="117">
        <v>0</v>
      </c>
      <c r="N158" s="117">
        <v>0</v>
      </c>
      <c r="O158" s="117">
        <v>0</v>
      </c>
      <c r="P158" s="117">
        <v>0</v>
      </c>
      <c r="Q158" s="117">
        <v>0</v>
      </c>
    </row>
    <row r="159" spans="1:17" s="118" customFormat="1" ht="34.5" customHeight="1" x14ac:dyDescent="0.15">
      <c r="A159" s="232"/>
      <c r="B159" s="115"/>
      <c r="C159" s="324" t="s">
        <v>102</v>
      </c>
      <c r="D159" s="325"/>
      <c r="E159" s="325"/>
      <c r="F159" s="325"/>
      <c r="G159" s="325"/>
      <c r="H159" s="326"/>
      <c r="I159" s="417"/>
      <c r="J159" s="116">
        <v>0</v>
      </c>
      <c r="K159" s="81" t="s">
        <v>542</v>
      </c>
      <c r="L159" s="117">
        <v>0</v>
      </c>
      <c r="M159" s="117">
        <v>0</v>
      </c>
      <c r="N159" s="117">
        <v>0</v>
      </c>
      <c r="O159" s="117">
        <v>0</v>
      </c>
      <c r="P159" s="117">
        <v>0</v>
      </c>
      <c r="Q159" s="117">
        <v>0</v>
      </c>
    </row>
    <row r="160" spans="1:17" s="118" customFormat="1" ht="34.5" customHeight="1" x14ac:dyDescent="0.15">
      <c r="A160" s="232"/>
      <c r="B160" s="115"/>
      <c r="C160" s="324" t="s">
        <v>103</v>
      </c>
      <c r="D160" s="325"/>
      <c r="E160" s="325"/>
      <c r="F160" s="325"/>
      <c r="G160" s="325"/>
      <c r="H160" s="326"/>
      <c r="I160" s="417"/>
      <c r="J160" s="116">
        <v>0</v>
      </c>
      <c r="K160" s="81" t="s">
        <v>542</v>
      </c>
      <c r="L160" s="117">
        <v>0</v>
      </c>
      <c r="M160" s="117">
        <v>0</v>
      </c>
      <c r="N160" s="117">
        <v>0</v>
      </c>
      <c r="O160" s="117">
        <v>0</v>
      </c>
      <c r="P160" s="117">
        <v>0</v>
      </c>
      <c r="Q160" s="117">
        <v>0</v>
      </c>
    </row>
    <row r="161" spans="1:17" s="118" customFormat="1" ht="34.5" customHeight="1" x14ac:dyDescent="0.15">
      <c r="A161" s="232"/>
      <c r="B161" s="115"/>
      <c r="C161" s="324" t="s">
        <v>104</v>
      </c>
      <c r="D161" s="325"/>
      <c r="E161" s="325"/>
      <c r="F161" s="325"/>
      <c r="G161" s="325"/>
      <c r="H161" s="326"/>
      <c r="I161" s="417"/>
      <c r="J161" s="116">
        <v>0</v>
      </c>
      <c r="K161" s="81" t="s">
        <v>542</v>
      </c>
      <c r="L161" s="117">
        <v>0</v>
      </c>
      <c r="M161" s="117">
        <v>0</v>
      </c>
      <c r="N161" s="117">
        <v>0</v>
      </c>
      <c r="O161" s="117">
        <v>0</v>
      </c>
      <c r="P161" s="117">
        <v>0</v>
      </c>
      <c r="Q161" s="117">
        <v>0</v>
      </c>
    </row>
    <row r="162" spans="1:17" s="118" customFormat="1" ht="34.5" customHeight="1" x14ac:dyDescent="0.15">
      <c r="A162" s="232"/>
      <c r="B162" s="115"/>
      <c r="C162" s="324" t="s">
        <v>105</v>
      </c>
      <c r="D162" s="325"/>
      <c r="E162" s="325"/>
      <c r="F162" s="325"/>
      <c r="G162" s="325"/>
      <c r="H162" s="326"/>
      <c r="I162" s="417"/>
      <c r="J162" s="116">
        <v>0</v>
      </c>
      <c r="K162" s="81" t="s">
        <v>542</v>
      </c>
      <c r="L162" s="117">
        <v>0</v>
      </c>
      <c r="M162" s="117">
        <v>0</v>
      </c>
      <c r="N162" s="117">
        <v>0</v>
      </c>
      <c r="O162" s="117">
        <v>0</v>
      </c>
      <c r="P162" s="117">
        <v>0</v>
      </c>
      <c r="Q162" s="117">
        <v>0</v>
      </c>
    </row>
    <row r="163" spans="1:17" s="118" customFormat="1" ht="34.5" customHeight="1" x14ac:dyDescent="0.15">
      <c r="A163" s="232"/>
      <c r="B163" s="115"/>
      <c r="C163" s="324" t="s">
        <v>106</v>
      </c>
      <c r="D163" s="325"/>
      <c r="E163" s="325"/>
      <c r="F163" s="325"/>
      <c r="G163" s="325"/>
      <c r="H163" s="326"/>
      <c r="I163" s="417"/>
      <c r="J163" s="116">
        <v>0</v>
      </c>
      <c r="K163" s="81" t="s">
        <v>542</v>
      </c>
      <c r="L163" s="117">
        <v>0</v>
      </c>
      <c r="M163" s="117">
        <v>0</v>
      </c>
      <c r="N163" s="117">
        <v>0</v>
      </c>
      <c r="O163" s="117">
        <v>0</v>
      </c>
      <c r="P163" s="117">
        <v>0</v>
      </c>
      <c r="Q163" s="117">
        <v>0</v>
      </c>
    </row>
    <row r="164" spans="1:17" s="118" customFormat="1" ht="34.5" customHeight="1" x14ac:dyDescent="0.15">
      <c r="A164" s="232"/>
      <c r="B164" s="115"/>
      <c r="C164" s="324" t="s">
        <v>107</v>
      </c>
      <c r="D164" s="325"/>
      <c r="E164" s="325"/>
      <c r="F164" s="325"/>
      <c r="G164" s="325"/>
      <c r="H164" s="326"/>
      <c r="I164" s="417"/>
      <c r="J164" s="116">
        <v>0</v>
      </c>
      <c r="K164" s="81" t="s">
        <v>542</v>
      </c>
      <c r="L164" s="117">
        <v>0</v>
      </c>
      <c r="M164" s="117">
        <v>0</v>
      </c>
      <c r="N164" s="117">
        <v>0</v>
      </c>
      <c r="O164" s="117">
        <v>0</v>
      </c>
      <c r="P164" s="117">
        <v>0</v>
      </c>
      <c r="Q164" s="117">
        <v>0</v>
      </c>
    </row>
    <row r="165" spans="1:17" s="118" customFormat="1" ht="34.5" customHeight="1" x14ac:dyDescent="0.15">
      <c r="A165" s="232"/>
      <c r="B165" s="115"/>
      <c r="C165" s="324" t="s">
        <v>108</v>
      </c>
      <c r="D165" s="325"/>
      <c r="E165" s="325"/>
      <c r="F165" s="325"/>
      <c r="G165" s="325"/>
      <c r="H165" s="326"/>
      <c r="I165" s="417"/>
      <c r="J165" s="116">
        <v>0</v>
      </c>
      <c r="K165" s="81" t="s">
        <v>542</v>
      </c>
      <c r="L165" s="117">
        <v>0</v>
      </c>
      <c r="M165" s="117">
        <v>0</v>
      </c>
      <c r="N165" s="117">
        <v>0</v>
      </c>
      <c r="O165" s="117">
        <v>0</v>
      </c>
      <c r="P165" s="117">
        <v>0</v>
      </c>
      <c r="Q165" s="117">
        <v>0</v>
      </c>
    </row>
    <row r="166" spans="1:17" s="118" customFormat="1" ht="34.5" customHeight="1" x14ac:dyDescent="0.15">
      <c r="A166" s="232"/>
      <c r="B166" s="115"/>
      <c r="C166" s="324" t="s">
        <v>109</v>
      </c>
      <c r="D166" s="325"/>
      <c r="E166" s="325"/>
      <c r="F166" s="325"/>
      <c r="G166" s="325"/>
      <c r="H166" s="326"/>
      <c r="I166" s="417"/>
      <c r="J166" s="116">
        <v>0</v>
      </c>
      <c r="K166" s="81" t="s">
        <v>542</v>
      </c>
      <c r="L166" s="117">
        <v>0</v>
      </c>
      <c r="M166" s="117">
        <v>0</v>
      </c>
      <c r="N166" s="117">
        <v>0</v>
      </c>
      <c r="O166" s="117">
        <v>0</v>
      </c>
      <c r="P166" s="117">
        <v>0</v>
      </c>
      <c r="Q166" s="117">
        <v>0</v>
      </c>
    </row>
    <row r="167" spans="1:17" s="118" customFormat="1" ht="34.5" customHeight="1" x14ac:dyDescent="0.15">
      <c r="A167" s="232"/>
      <c r="B167" s="115"/>
      <c r="C167" s="324" t="s">
        <v>110</v>
      </c>
      <c r="D167" s="325"/>
      <c r="E167" s="325"/>
      <c r="F167" s="325"/>
      <c r="G167" s="325"/>
      <c r="H167" s="326"/>
      <c r="I167" s="417"/>
      <c r="J167" s="116">
        <v>0</v>
      </c>
      <c r="K167" s="81" t="s">
        <v>542</v>
      </c>
      <c r="L167" s="117">
        <v>0</v>
      </c>
      <c r="M167" s="117">
        <v>0</v>
      </c>
      <c r="N167" s="117">
        <v>0</v>
      </c>
      <c r="O167" s="117">
        <v>0</v>
      </c>
      <c r="P167" s="117">
        <v>0</v>
      </c>
      <c r="Q167" s="117">
        <v>0</v>
      </c>
    </row>
    <row r="168" spans="1:17" s="118" customFormat="1" ht="34.5" customHeight="1" x14ac:dyDescent="0.15">
      <c r="A168" s="232"/>
      <c r="B168" s="115"/>
      <c r="C168" s="324" t="s">
        <v>111</v>
      </c>
      <c r="D168" s="325"/>
      <c r="E168" s="325"/>
      <c r="F168" s="325"/>
      <c r="G168" s="325"/>
      <c r="H168" s="326"/>
      <c r="I168" s="417"/>
      <c r="J168" s="116">
        <v>0</v>
      </c>
      <c r="K168" s="81" t="s">
        <v>542</v>
      </c>
      <c r="L168" s="117">
        <v>0</v>
      </c>
      <c r="M168" s="117">
        <v>0</v>
      </c>
      <c r="N168" s="117">
        <v>0</v>
      </c>
      <c r="O168" s="117">
        <v>0</v>
      </c>
      <c r="P168" s="117">
        <v>0</v>
      </c>
      <c r="Q168" s="117">
        <v>0</v>
      </c>
    </row>
    <row r="169" spans="1:17" s="118" customFormat="1" ht="34.5" customHeight="1" x14ac:dyDescent="0.15">
      <c r="A169" s="232"/>
      <c r="B169" s="115"/>
      <c r="C169" s="324" t="s">
        <v>112</v>
      </c>
      <c r="D169" s="325"/>
      <c r="E169" s="325"/>
      <c r="F169" s="325"/>
      <c r="G169" s="325"/>
      <c r="H169" s="326"/>
      <c r="I169" s="417"/>
      <c r="J169" s="116">
        <v>0</v>
      </c>
      <c r="K169" s="81" t="s">
        <v>542</v>
      </c>
      <c r="L169" s="117">
        <v>0</v>
      </c>
      <c r="M169" s="117">
        <v>0</v>
      </c>
      <c r="N169" s="117">
        <v>0</v>
      </c>
      <c r="O169" s="117">
        <v>0</v>
      </c>
      <c r="P169" s="117">
        <v>0</v>
      </c>
      <c r="Q169" s="117">
        <v>0</v>
      </c>
    </row>
    <row r="170" spans="1:17" s="118" customFormat="1" ht="34.5" customHeight="1" x14ac:dyDescent="0.15">
      <c r="A170" s="232"/>
      <c r="B170" s="115"/>
      <c r="C170" s="324" t="s">
        <v>113</v>
      </c>
      <c r="D170" s="325"/>
      <c r="E170" s="325"/>
      <c r="F170" s="325"/>
      <c r="G170" s="325"/>
      <c r="H170" s="326"/>
      <c r="I170" s="417"/>
      <c r="J170" s="116">
        <v>0</v>
      </c>
      <c r="K170" s="81" t="s">
        <v>542</v>
      </c>
      <c r="L170" s="117">
        <v>0</v>
      </c>
      <c r="M170" s="117">
        <v>0</v>
      </c>
      <c r="N170" s="117">
        <v>0</v>
      </c>
      <c r="O170" s="117">
        <v>0</v>
      </c>
      <c r="P170" s="117">
        <v>0</v>
      </c>
      <c r="Q170" s="117">
        <v>0</v>
      </c>
    </row>
    <row r="171" spans="1:17" s="118" customFormat="1" ht="34.5" customHeight="1" x14ac:dyDescent="0.15">
      <c r="A171" s="232"/>
      <c r="B171" s="115"/>
      <c r="C171" s="324" t="s">
        <v>114</v>
      </c>
      <c r="D171" s="325"/>
      <c r="E171" s="325"/>
      <c r="F171" s="325"/>
      <c r="G171" s="325"/>
      <c r="H171" s="326"/>
      <c r="I171" s="417"/>
      <c r="J171" s="116">
        <v>0</v>
      </c>
      <c r="K171" s="81" t="s">
        <v>542</v>
      </c>
      <c r="L171" s="117">
        <v>0</v>
      </c>
      <c r="M171" s="117">
        <v>0</v>
      </c>
      <c r="N171" s="117">
        <v>0</v>
      </c>
      <c r="O171" s="117">
        <v>0</v>
      </c>
      <c r="P171" s="117">
        <v>0</v>
      </c>
      <c r="Q171" s="117">
        <v>0</v>
      </c>
    </row>
    <row r="172" spans="1:17" s="118" customFormat="1" ht="34.5" customHeight="1" x14ac:dyDescent="0.15">
      <c r="A172" s="232"/>
      <c r="B172" s="115"/>
      <c r="C172" s="324" t="s">
        <v>115</v>
      </c>
      <c r="D172" s="325"/>
      <c r="E172" s="325"/>
      <c r="F172" s="325"/>
      <c r="G172" s="325"/>
      <c r="H172" s="326"/>
      <c r="I172" s="417"/>
      <c r="J172" s="116">
        <v>0</v>
      </c>
      <c r="K172" s="81" t="s">
        <v>542</v>
      </c>
      <c r="L172" s="117">
        <v>0</v>
      </c>
      <c r="M172" s="117">
        <v>0</v>
      </c>
      <c r="N172" s="117">
        <v>0</v>
      </c>
      <c r="O172" s="117">
        <v>0</v>
      </c>
      <c r="P172" s="117">
        <v>0</v>
      </c>
      <c r="Q172" s="117">
        <v>0</v>
      </c>
    </row>
    <row r="173" spans="1:17" s="118" customFormat="1" ht="34.5" customHeight="1" x14ac:dyDescent="0.15">
      <c r="A173" s="232"/>
      <c r="B173" s="115"/>
      <c r="C173" s="324" t="s">
        <v>116</v>
      </c>
      <c r="D173" s="325"/>
      <c r="E173" s="325"/>
      <c r="F173" s="325"/>
      <c r="G173" s="325"/>
      <c r="H173" s="326"/>
      <c r="I173" s="417"/>
      <c r="J173" s="116">
        <v>0</v>
      </c>
      <c r="K173" s="81" t="s">
        <v>542</v>
      </c>
      <c r="L173" s="117">
        <v>0</v>
      </c>
      <c r="M173" s="117">
        <v>0</v>
      </c>
      <c r="N173" s="117">
        <v>0</v>
      </c>
      <c r="O173" s="117">
        <v>0</v>
      </c>
      <c r="P173" s="117">
        <v>0</v>
      </c>
      <c r="Q173" s="117">
        <v>0</v>
      </c>
    </row>
    <row r="174" spans="1:17" s="118" customFormat="1" ht="34.5" customHeight="1" x14ac:dyDescent="0.15">
      <c r="A174" s="232"/>
      <c r="B174" s="115"/>
      <c r="C174" s="324" t="s">
        <v>117</v>
      </c>
      <c r="D174" s="325"/>
      <c r="E174" s="325"/>
      <c r="F174" s="325"/>
      <c r="G174" s="325"/>
      <c r="H174" s="326"/>
      <c r="I174" s="417"/>
      <c r="J174" s="116">
        <v>0</v>
      </c>
      <c r="K174" s="81" t="s">
        <v>542</v>
      </c>
      <c r="L174" s="117">
        <v>0</v>
      </c>
      <c r="M174" s="117">
        <v>0</v>
      </c>
      <c r="N174" s="117">
        <v>0</v>
      </c>
      <c r="O174" s="117">
        <v>0</v>
      </c>
      <c r="P174" s="117">
        <v>0</v>
      </c>
      <c r="Q174" s="117">
        <v>0</v>
      </c>
    </row>
    <row r="175" spans="1:17" s="118" customFormat="1" ht="34.5" customHeight="1" x14ac:dyDescent="0.15">
      <c r="A175" s="232"/>
      <c r="B175" s="115"/>
      <c r="C175" s="324" t="s">
        <v>118</v>
      </c>
      <c r="D175" s="325"/>
      <c r="E175" s="325"/>
      <c r="F175" s="325"/>
      <c r="G175" s="325"/>
      <c r="H175" s="326"/>
      <c r="I175" s="417"/>
      <c r="J175" s="116">
        <v>0</v>
      </c>
      <c r="K175" s="81" t="s">
        <v>542</v>
      </c>
      <c r="L175" s="117">
        <v>0</v>
      </c>
      <c r="M175" s="117">
        <v>0</v>
      </c>
      <c r="N175" s="117">
        <v>0</v>
      </c>
      <c r="O175" s="117">
        <v>0</v>
      </c>
      <c r="P175" s="117">
        <v>0</v>
      </c>
      <c r="Q175" s="117">
        <v>0</v>
      </c>
    </row>
    <row r="176" spans="1:17" s="118" customFormat="1" ht="34.5" customHeight="1" x14ac:dyDescent="0.15">
      <c r="A176" s="232"/>
      <c r="B176" s="119"/>
      <c r="C176" s="324" t="s">
        <v>119</v>
      </c>
      <c r="D176" s="325"/>
      <c r="E176" s="325"/>
      <c r="F176" s="325"/>
      <c r="G176" s="325"/>
      <c r="H176" s="326"/>
      <c r="I176" s="417"/>
      <c r="J176" s="116">
        <v>0</v>
      </c>
      <c r="K176" s="81" t="s">
        <v>542</v>
      </c>
      <c r="L176" s="117">
        <v>0</v>
      </c>
      <c r="M176" s="117">
        <v>0</v>
      </c>
      <c r="N176" s="117">
        <v>0</v>
      </c>
      <c r="O176" s="117">
        <v>0</v>
      </c>
      <c r="P176" s="117">
        <v>0</v>
      </c>
      <c r="Q176" s="117">
        <v>0</v>
      </c>
    </row>
    <row r="177" spans="1:22" s="118" customFormat="1" ht="34.5" customHeight="1" x14ac:dyDescent="0.15">
      <c r="A177" s="232"/>
      <c r="B177" s="119"/>
      <c r="C177" s="324" t="s">
        <v>120</v>
      </c>
      <c r="D177" s="325"/>
      <c r="E177" s="325"/>
      <c r="F177" s="325"/>
      <c r="G177" s="325"/>
      <c r="H177" s="326"/>
      <c r="I177" s="417"/>
      <c r="J177" s="116">
        <v>0</v>
      </c>
      <c r="K177" s="81" t="s">
        <v>542</v>
      </c>
      <c r="L177" s="117">
        <v>0</v>
      </c>
      <c r="M177" s="117">
        <v>0</v>
      </c>
      <c r="N177" s="117">
        <v>0</v>
      </c>
      <c r="O177" s="117">
        <v>0</v>
      </c>
      <c r="P177" s="117">
        <v>0</v>
      </c>
      <c r="Q177" s="117">
        <v>0</v>
      </c>
    </row>
    <row r="178" spans="1:22" s="118" customFormat="1" ht="34.5" customHeight="1" x14ac:dyDescent="0.15">
      <c r="A178" s="232"/>
      <c r="B178" s="119"/>
      <c r="C178" s="324" t="s">
        <v>121</v>
      </c>
      <c r="D178" s="325"/>
      <c r="E178" s="325"/>
      <c r="F178" s="325"/>
      <c r="G178" s="325"/>
      <c r="H178" s="326"/>
      <c r="I178" s="417"/>
      <c r="J178" s="116">
        <v>0</v>
      </c>
      <c r="K178" s="81" t="s">
        <v>542</v>
      </c>
      <c r="L178" s="117">
        <v>0</v>
      </c>
      <c r="M178" s="117">
        <v>0</v>
      </c>
      <c r="N178" s="117">
        <v>0</v>
      </c>
      <c r="O178" s="117">
        <v>0</v>
      </c>
      <c r="P178" s="117">
        <v>0</v>
      </c>
      <c r="Q178" s="117">
        <v>0</v>
      </c>
    </row>
    <row r="179" spans="1:22" s="118" customFormat="1" ht="34.5" customHeight="1" x14ac:dyDescent="0.15">
      <c r="A179" s="232"/>
      <c r="B179" s="119"/>
      <c r="C179" s="324" t="s">
        <v>122</v>
      </c>
      <c r="D179" s="325"/>
      <c r="E179" s="325"/>
      <c r="F179" s="325"/>
      <c r="G179" s="325"/>
      <c r="H179" s="326"/>
      <c r="I179" s="417"/>
      <c r="J179" s="116">
        <v>0</v>
      </c>
      <c r="K179" s="81" t="s">
        <v>542</v>
      </c>
      <c r="L179" s="117">
        <v>0</v>
      </c>
      <c r="M179" s="117">
        <v>0</v>
      </c>
      <c r="N179" s="117">
        <v>0</v>
      </c>
      <c r="O179" s="117">
        <v>0</v>
      </c>
      <c r="P179" s="117">
        <v>0</v>
      </c>
      <c r="Q179" s="117">
        <v>0</v>
      </c>
    </row>
    <row r="180" spans="1:22" s="118" customFormat="1" ht="34.5" customHeight="1" x14ac:dyDescent="0.15">
      <c r="A180" s="232"/>
      <c r="B180" s="119"/>
      <c r="C180" s="324" t="s">
        <v>123</v>
      </c>
      <c r="D180" s="325"/>
      <c r="E180" s="325"/>
      <c r="F180" s="325"/>
      <c r="G180" s="325"/>
      <c r="H180" s="326"/>
      <c r="I180" s="418"/>
      <c r="J180" s="116">
        <v>0</v>
      </c>
      <c r="K180" s="81" t="s">
        <v>542</v>
      </c>
      <c r="L180" s="117">
        <v>0</v>
      </c>
      <c r="M180" s="117">
        <v>0</v>
      </c>
      <c r="N180" s="117">
        <v>0</v>
      </c>
      <c r="O180" s="117">
        <v>0</v>
      </c>
      <c r="P180" s="117">
        <v>0</v>
      </c>
      <c r="Q180" s="117">
        <v>0</v>
      </c>
    </row>
    <row r="181" spans="1:22" s="91" customFormat="1" x14ac:dyDescent="0.15">
      <c r="A181" s="232"/>
      <c r="B181" s="18"/>
      <c r="C181" s="18"/>
      <c r="D181" s="18"/>
      <c r="E181" s="18"/>
      <c r="F181" s="18"/>
      <c r="G181" s="18"/>
      <c r="H181" s="14"/>
      <c r="I181" s="14"/>
      <c r="J181" s="88"/>
      <c r="K181" s="89"/>
      <c r="L181" s="90"/>
      <c r="M181" s="90"/>
      <c r="N181" s="90"/>
      <c r="O181" s="90"/>
      <c r="P181" s="90"/>
      <c r="Q181" s="90"/>
      <c r="R181" s="90"/>
      <c r="S181" s="90"/>
      <c r="T181" s="90"/>
      <c r="U181" s="90"/>
      <c r="V181" s="90"/>
    </row>
    <row r="182" spans="1:22" s="83" customFormat="1" x14ac:dyDescent="0.15">
      <c r="A182" s="232"/>
      <c r="B182" s="84"/>
      <c r="C182" s="62"/>
      <c r="D182" s="62"/>
      <c r="E182" s="62"/>
      <c r="F182" s="62"/>
      <c r="G182" s="62"/>
      <c r="H182" s="92"/>
      <c r="I182" s="92"/>
      <c r="J182" s="88"/>
      <c r="K182" s="89"/>
      <c r="L182" s="90"/>
      <c r="M182" s="90"/>
      <c r="N182" s="90"/>
      <c r="O182" s="90"/>
      <c r="P182" s="90"/>
      <c r="Q182" s="90"/>
      <c r="R182" s="90"/>
      <c r="S182" s="90"/>
      <c r="T182" s="90"/>
      <c r="U182" s="90"/>
      <c r="V182" s="90"/>
    </row>
    <row r="183" spans="1:22" s="91" customFormat="1" x14ac:dyDescent="0.15">
      <c r="A183" s="232"/>
      <c r="B183" s="120"/>
      <c r="C183" s="3"/>
      <c r="D183" s="3"/>
      <c r="E183" s="3"/>
      <c r="F183" s="3"/>
      <c r="G183" s="63"/>
      <c r="H183" s="121"/>
      <c r="I183" s="121"/>
      <c r="J183" s="61"/>
      <c r="K183" s="31"/>
      <c r="L183" s="108"/>
      <c r="M183" s="108"/>
      <c r="N183" s="108"/>
      <c r="O183" s="108"/>
      <c r="P183" s="108"/>
      <c r="Q183" s="108"/>
      <c r="R183" s="108"/>
      <c r="S183" s="108"/>
      <c r="T183" s="108"/>
      <c r="U183" s="108"/>
      <c r="V183" s="108"/>
    </row>
    <row r="184" spans="1:22" s="1" customFormat="1" x14ac:dyDescent="0.15">
      <c r="A184" s="232"/>
      <c r="B184" s="18" t="s">
        <v>124</v>
      </c>
      <c r="C184" s="18"/>
      <c r="D184" s="18"/>
      <c r="E184" s="18"/>
      <c r="F184" s="18"/>
      <c r="G184" s="18"/>
      <c r="H184" s="14"/>
      <c r="I184" s="14"/>
      <c r="J184" s="61"/>
      <c r="K184" s="31"/>
      <c r="L184" s="108"/>
      <c r="M184" s="108"/>
      <c r="N184" s="108"/>
      <c r="O184" s="108"/>
      <c r="P184" s="108"/>
      <c r="Q184" s="108"/>
      <c r="R184" s="108"/>
      <c r="S184" s="108"/>
      <c r="T184" s="108"/>
      <c r="U184" s="108"/>
      <c r="V184" s="108"/>
    </row>
    <row r="185" spans="1:22" x14ac:dyDescent="0.15">
      <c r="A185" s="232"/>
      <c r="B185" s="18"/>
      <c r="C185" s="18"/>
      <c r="D185" s="18"/>
      <c r="E185" s="18"/>
      <c r="F185" s="18"/>
      <c r="G185" s="18"/>
      <c r="H185" s="14"/>
      <c r="I185" s="14"/>
      <c r="L185" s="76"/>
      <c r="M185" s="76"/>
      <c r="N185" s="76"/>
      <c r="O185" s="76"/>
      <c r="P185" s="76"/>
      <c r="Q185" s="76"/>
      <c r="R185" s="76"/>
      <c r="S185" s="76"/>
      <c r="T185" s="76"/>
      <c r="U185" s="76"/>
      <c r="V185" s="76"/>
    </row>
    <row r="186" spans="1:22" ht="34.5" customHeight="1" x14ac:dyDescent="0.15">
      <c r="A186" s="232"/>
      <c r="B186" s="18"/>
      <c r="C186" s="3"/>
      <c r="D186" s="3"/>
      <c r="F186" s="3"/>
      <c r="G186" s="3"/>
      <c r="H186" s="206"/>
      <c r="I186" s="206"/>
      <c r="J186" s="77" t="s">
        <v>35</v>
      </c>
      <c r="K186" s="78"/>
      <c r="L186" s="66" t="s">
        <v>525</v>
      </c>
      <c r="M186" s="66" t="s">
        <v>527</v>
      </c>
      <c r="N186" s="66" t="s">
        <v>528</v>
      </c>
      <c r="O186" s="66" t="s">
        <v>529</v>
      </c>
      <c r="P186" s="66" t="s">
        <v>530</v>
      </c>
      <c r="Q186" s="66" t="s">
        <v>531</v>
      </c>
      <c r="R186" s="8"/>
      <c r="S186" s="8"/>
      <c r="T186" s="8"/>
      <c r="U186" s="8"/>
      <c r="V186" s="8"/>
    </row>
    <row r="187" spans="1:22" ht="20.25" customHeight="1" x14ac:dyDescent="0.15">
      <c r="A187" s="232"/>
      <c r="B187" s="1"/>
      <c r="C187" s="3"/>
      <c r="D187" s="3"/>
      <c r="F187" s="3"/>
      <c r="G187" s="3"/>
      <c r="H187" s="206"/>
      <c r="I187" s="67" t="s">
        <v>125</v>
      </c>
      <c r="J187" s="68"/>
      <c r="K187" s="79"/>
      <c r="L187" s="70" t="s">
        <v>526</v>
      </c>
      <c r="M187" s="70" t="s">
        <v>526</v>
      </c>
      <c r="N187" s="70" t="s">
        <v>526</v>
      </c>
      <c r="O187" s="70" t="s">
        <v>526</v>
      </c>
      <c r="P187" s="70" t="s">
        <v>526</v>
      </c>
      <c r="Q187" s="70" t="s">
        <v>526</v>
      </c>
      <c r="R187" s="8"/>
      <c r="S187" s="8"/>
      <c r="T187" s="8"/>
      <c r="U187" s="8"/>
      <c r="V187" s="8"/>
    </row>
    <row r="188" spans="1:22" s="83" customFormat="1" ht="106.5" customHeight="1" x14ac:dyDescent="0.15">
      <c r="A188" s="232"/>
      <c r="B188" s="1"/>
      <c r="C188" s="324" t="s">
        <v>124</v>
      </c>
      <c r="D188" s="325"/>
      <c r="E188" s="325"/>
      <c r="F188" s="325"/>
      <c r="G188" s="325"/>
      <c r="H188" s="326"/>
      <c r="I188" s="122" t="s">
        <v>126</v>
      </c>
      <c r="J188" s="123" t="s">
        <v>537</v>
      </c>
      <c r="K188" s="81"/>
      <c r="L188" s="124"/>
      <c r="M188" s="124"/>
      <c r="N188" s="124"/>
      <c r="O188" s="124"/>
      <c r="P188" s="124"/>
      <c r="Q188" s="125"/>
    </row>
    <row r="189" spans="1:22" s="91" customFormat="1" x14ac:dyDescent="0.15">
      <c r="A189" s="232"/>
      <c r="B189" s="18"/>
      <c r="C189" s="18"/>
      <c r="D189" s="18"/>
      <c r="E189" s="18"/>
      <c r="F189" s="18"/>
      <c r="G189" s="18"/>
      <c r="H189" s="14"/>
      <c r="I189" s="14"/>
      <c r="J189" s="88"/>
      <c r="K189" s="89"/>
      <c r="L189" s="108"/>
      <c r="M189" s="108"/>
      <c r="N189" s="108"/>
      <c r="O189" s="108"/>
      <c r="P189" s="108"/>
      <c r="Q189" s="108"/>
    </row>
    <row r="190" spans="1:22" s="83" customFormat="1" x14ac:dyDescent="0.15">
      <c r="A190" s="232"/>
      <c r="B190" s="84"/>
      <c r="C190" s="62"/>
      <c r="D190" s="62"/>
      <c r="E190" s="62"/>
      <c r="F190" s="62"/>
      <c r="G190" s="62"/>
      <c r="H190" s="92"/>
      <c r="I190" s="92"/>
      <c r="J190" s="88"/>
      <c r="K190" s="89"/>
      <c r="L190" s="108"/>
      <c r="M190" s="108"/>
      <c r="N190" s="108"/>
      <c r="O190" s="108"/>
      <c r="P190" s="108"/>
      <c r="Q190" s="108"/>
    </row>
    <row r="191" spans="1:22" s="91" customFormat="1" x14ac:dyDescent="0.15">
      <c r="A191" s="232"/>
      <c r="B191" s="1"/>
      <c r="C191" s="3"/>
      <c r="D191" s="3"/>
      <c r="E191" s="3"/>
      <c r="F191" s="3"/>
      <c r="G191" s="3"/>
      <c r="H191" s="206"/>
      <c r="I191" s="206"/>
      <c r="J191" s="126"/>
      <c r="K191" s="31"/>
      <c r="L191" s="108"/>
      <c r="M191" s="108"/>
      <c r="N191" s="108"/>
      <c r="O191" s="108"/>
      <c r="P191" s="108"/>
      <c r="Q191" s="108"/>
    </row>
    <row r="192" spans="1:22" s="91" customFormat="1" x14ac:dyDescent="0.15">
      <c r="A192" s="232"/>
      <c r="B192" s="18" t="s">
        <v>127</v>
      </c>
      <c r="C192" s="107"/>
      <c r="D192" s="107"/>
      <c r="E192" s="107"/>
      <c r="F192" s="107"/>
      <c r="G192" s="107"/>
      <c r="H192" s="14"/>
      <c r="I192" s="14"/>
      <c r="J192" s="61"/>
      <c r="K192" s="31"/>
      <c r="L192" s="108"/>
      <c r="M192" s="108"/>
      <c r="N192" s="108"/>
      <c r="O192" s="108"/>
      <c r="P192" s="108"/>
      <c r="Q192" s="108"/>
    </row>
    <row r="193" spans="1:22" x14ac:dyDescent="0.15">
      <c r="A193" s="232"/>
      <c r="B193" s="18"/>
      <c r="C193" s="18"/>
      <c r="D193" s="18"/>
      <c r="E193" s="18"/>
      <c r="F193" s="18"/>
      <c r="G193" s="18"/>
      <c r="H193" s="14"/>
      <c r="I193" s="14"/>
      <c r="L193" s="76"/>
      <c r="M193" s="76"/>
      <c r="N193" s="76"/>
      <c r="O193" s="76"/>
      <c r="P193" s="76"/>
      <c r="Q193" s="76"/>
      <c r="R193" s="8"/>
      <c r="S193" s="8"/>
      <c r="T193" s="8"/>
      <c r="U193" s="8"/>
      <c r="V193" s="8"/>
    </row>
    <row r="194" spans="1:22" ht="34.5" customHeight="1" x14ac:dyDescent="0.15">
      <c r="A194" s="232"/>
      <c r="B194" s="18"/>
      <c r="C194" s="3"/>
      <c r="D194" s="3"/>
      <c r="F194" s="3"/>
      <c r="G194" s="3"/>
      <c r="H194" s="206"/>
      <c r="I194" s="206"/>
      <c r="J194" s="77" t="s">
        <v>35</v>
      </c>
      <c r="K194" s="78"/>
      <c r="L194" s="66" t="s">
        <v>525</v>
      </c>
      <c r="M194" s="66" t="s">
        <v>527</v>
      </c>
      <c r="N194" s="66" t="s">
        <v>528</v>
      </c>
      <c r="O194" s="66" t="s">
        <v>529</v>
      </c>
      <c r="P194" s="66" t="s">
        <v>530</v>
      </c>
      <c r="Q194" s="66" t="s">
        <v>531</v>
      </c>
      <c r="R194" s="8"/>
      <c r="S194" s="8"/>
      <c r="T194" s="8"/>
      <c r="U194" s="8"/>
      <c r="V194" s="8"/>
    </row>
    <row r="195" spans="1:22" ht="20.25" customHeight="1" x14ac:dyDescent="0.15">
      <c r="A195" s="232"/>
      <c r="B195" s="1"/>
      <c r="C195" s="3"/>
      <c r="D195" s="3"/>
      <c r="F195" s="3"/>
      <c r="G195" s="3"/>
      <c r="H195" s="206"/>
      <c r="I195" s="67" t="s">
        <v>125</v>
      </c>
      <c r="J195" s="68"/>
      <c r="K195" s="79"/>
      <c r="L195" s="70" t="s">
        <v>526</v>
      </c>
      <c r="M195" s="70" t="s">
        <v>526</v>
      </c>
      <c r="N195" s="70" t="s">
        <v>526</v>
      </c>
      <c r="O195" s="70" t="s">
        <v>526</v>
      </c>
      <c r="P195" s="70" t="s">
        <v>526</v>
      </c>
      <c r="Q195" s="70" t="s">
        <v>526</v>
      </c>
      <c r="R195" s="8"/>
      <c r="S195" s="8"/>
      <c r="T195" s="8"/>
      <c r="U195" s="8"/>
      <c r="V195" s="8"/>
    </row>
    <row r="196" spans="1:22" s="83" customFormat="1" ht="34.5" customHeight="1" x14ac:dyDescent="0.15">
      <c r="A196" s="232"/>
      <c r="B196" s="119"/>
      <c r="C196" s="324" t="s">
        <v>128</v>
      </c>
      <c r="D196" s="325"/>
      <c r="E196" s="325"/>
      <c r="F196" s="325"/>
      <c r="G196" s="325"/>
      <c r="H196" s="326"/>
      <c r="I196" s="410" t="s">
        <v>129</v>
      </c>
      <c r="J196" s="71" t="s">
        <v>538</v>
      </c>
      <c r="K196" s="81"/>
      <c r="L196" s="127"/>
      <c r="M196" s="127"/>
      <c r="N196" s="127"/>
      <c r="O196" s="127"/>
      <c r="P196" s="127"/>
      <c r="Q196" s="128"/>
    </row>
    <row r="197" spans="1:22" s="83" customFormat="1" ht="34.5" customHeight="1" x14ac:dyDescent="0.15">
      <c r="A197" s="232"/>
      <c r="B197" s="119"/>
      <c r="C197" s="324" t="s">
        <v>130</v>
      </c>
      <c r="D197" s="325"/>
      <c r="E197" s="325"/>
      <c r="F197" s="325"/>
      <c r="G197" s="325"/>
      <c r="H197" s="326"/>
      <c r="I197" s="411"/>
      <c r="J197" s="71" t="s">
        <v>538</v>
      </c>
      <c r="K197" s="81"/>
      <c r="L197" s="129"/>
      <c r="M197" s="129"/>
      <c r="N197" s="129"/>
      <c r="O197" s="129"/>
      <c r="P197" s="129"/>
      <c r="Q197" s="130"/>
    </row>
    <row r="198" spans="1:22" s="83" customFormat="1" ht="34.5" customHeight="1" x14ac:dyDescent="0.15">
      <c r="A198" s="232"/>
      <c r="B198" s="119"/>
      <c r="C198" s="324" t="s">
        <v>131</v>
      </c>
      <c r="D198" s="325"/>
      <c r="E198" s="325"/>
      <c r="F198" s="325"/>
      <c r="G198" s="325"/>
      <c r="H198" s="326"/>
      <c r="I198" s="412"/>
      <c r="J198" s="71" t="s">
        <v>538</v>
      </c>
      <c r="K198" s="81"/>
      <c r="L198" s="131"/>
      <c r="M198" s="131"/>
      <c r="N198" s="131"/>
      <c r="O198" s="131"/>
      <c r="P198" s="131"/>
      <c r="Q198" s="132"/>
    </row>
    <row r="199" spans="1:22" s="91" customFormat="1" x14ac:dyDescent="0.15">
      <c r="A199" s="232"/>
      <c r="B199" s="18"/>
      <c r="C199" s="18"/>
      <c r="D199" s="18"/>
      <c r="E199" s="18"/>
      <c r="F199" s="18"/>
      <c r="G199" s="18"/>
      <c r="H199" s="14"/>
      <c r="I199" s="14"/>
      <c r="J199" s="88"/>
      <c r="K199" s="89"/>
      <c r="L199" s="76"/>
      <c r="M199" s="76"/>
      <c r="N199" s="76"/>
      <c r="O199" s="76"/>
      <c r="P199" s="76"/>
      <c r="Q199" s="76"/>
    </row>
    <row r="200" spans="1:22" s="83" customFormat="1" x14ac:dyDescent="0.15">
      <c r="A200" s="232"/>
      <c r="B200" s="84"/>
      <c r="C200" s="62"/>
      <c r="D200" s="62"/>
      <c r="E200" s="62"/>
      <c r="F200" s="62"/>
      <c r="G200" s="62"/>
      <c r="H200" s="92"/>
      <c r="I200" s="92"/>
      <c r="J200" s="88"/>
      <c r="K200" s="89"/>
      <c r="L200" s="90"/>
      <c r="M200" s="90"/>
      <c r="N200" s="90"/>
      <c r="O200" s="90"/>
      <c r="P200" s="90"/>
      <c r="Q200" s="90"/>
    </row>
    <row r="201" spans="1:22" s="91" customFormat="1" x14ac:dyDescent="0.15">
      <c r="A201" s="232"/>
      <c r="B201" s="1"/>
      <c r="C201" s="3"/>
      <c r="D201" s="3"/>
      <c r="E201" s="3"/>
      <c r="F201" s="3"/>
      <c r="G201" s="3"/>
      <c r="H201" s="206"/>
      <c r="I201" s="206"/>
      <c r="J201" s="126"/>
      <c r="K201" s="31"/>
      <c r="L201" s="108"/>
      <c r="M201" s="108"/>
      <c r="N201" s="108"/>
      <c r="O201" s="108"/>
      <c r="P201" s="108"/>
      <c r="Q201" s="108"/>
    </row>
    <row r="202" spans="1:22" s="91" customFormat="1" x14ac:dyDescent="0.15">
      <c r="A202" s="232"/>
      <c r="B202" s="18" t="s">
        <v>132</v>
      </c>
      <c r="C202" s="107"/>
      <c r="D202" s="107"/>
      <c r="E202" s="107"/>
      <c r="F202" s="107"/>
      <c r="G202" s="107"/>
      <c r="H202" s="14"/>
      <c r="I202" s="14"/>
      <c r="J202" s="61"/>
      <c r="K202" s="31"/>
      <c r="L202" s="108"/>
      <c r="M202" s="108"/>
      <c r="N202" s="108"/>
      <c r="O202" s="108"/>
      <c r="P202" s="108"/>
      <c r="Q202" s="108"/>
    </row>
    <row r="203" spans="1:22" x14ac:dyDescent="0.15">
      <c r="A203" s="232"/>
      <c r="B203" s="18"/>
      <c r="C203" s="18"/>
      <c r="D203" s="18"/>
      <c r="E203" s="18"/>
      <c r="F203" s="18"/>
      <c r="G203" s="18"/>
      <c r="H203" s="14"/>
      <c r="I203" s="14"/>
      <c r="L203" s="76"/>
      <c r="M203" s="76"/>
      <c r="N203" s="76"/>
      <c r="O203" s="76"/>
      <c r="P203" s="76"/>
      <c r="Q203" s="76"/>
      <c r="R203" s="8"/>
      <c r="S203" s="8"/>
      <c r="T203" s="8"/>
      <c r="U203" s="8"/>
      <c r="V203" s="8"/>
    </row>
    <row r="204" spans="1:22" ht="34.5" customHeight="1" x14ac:dyDescent="0.15">
      <c r="A204" s="232"/>
      <c r="B204" s="18"/>
      <c r="C204" s="3"/>
      <c r="D204" s="3"/>
      <c r="F204" s="3"/>
      <c r="G204" s="3"/>
      <c r="H204" s="206"/>
      <c r="I204" s="206"/>
      <c r="J204" s="77" t="s">
        <v>35</v>
      </c>
      <c r="K204" s="78"/>
      <c r="L204" s="66" t="s">
        <v>525</v>
      </c>
      <c r="M204" s="66" t="s">
        <v>527</v>
      </c>
      <c r="N204" s="66" t="s">
        <v>528</v>
      </c>
      <c r="O204" s="66" t="s">
        <v>529</v>
      </c>
      <c r="P204" s="66" t="s">
        <v>530</v>
      </c>
      <c r="Q204" s="66" t="s">
        <v>531</v>
      </c>
      <c r="R204" s="8"/>
      <c r="S204" s="8"/>
      <c r="T204" s="8"/>
      <c r="U204" s="8"/>
      <c r="V204" s="8"/>
    </row>
    <row r="205" spans="1:22" ht="20.25" customHeight="1" x14ac:dyDescent="0.15">
      <c r="A205" s="232"/>
      <c r="B205" s="1"/>
      <c r="C205" s="62"/>
      <c r="D205" s="3"/>
      <c r="F205" s="3"/>
      <c r="G205" s="3"/>
      <c r="H205" s="206"/>
      <c r="I205" s="67" t="s">
        <v>125</v>
      </c>
      <c r="J205" s="68"/>
      <c r="K205" s="79"/>
      <c r="L205" s="70" t="s">
        <v>526</v>
      </c>
      <c r="M205" s="70" t="s">
        <v>526</v>
      </c>
      <c r="N205" s="70" t="s">
        <v>526</v>
      </c>
      <c r="O205" s="70" t="s">
        <v>526</v>
      </c>
      <c r="P205" s="70" t="s">
        <v>526</v>
      </c>
      <c r="Q205" s="70" t="s">
        <v>526</v>
      </c>
      <c r="R205" s="8"/>
      <c r="S205" s="8"/>
      <c r="T205" s="8"/>
      <c r="U205" s="8"/>
      <c r="V205" s="8"/>
    </row>
    <row r="206" spans="1:22" s="83" customFormat="1" ht="57" x14ac:dyDescent="0.15">
      <c r="A206" s="232"/>
      <c r="B206" s="119"/>
      <c r="C206" s="324" t="s">
        <v>133</v>
      </c>
      <c r="D206" s="325"/>
      <c r="E206" s="325"/>
      <c r="F206" s="325"/>
      <c r="G206" s="325"/>
      <c r="H206" s="326"/>
      <c r="I206" s="133" t="s">
        <v>134</v>
      </c>
      <c r="J206" s="71" t="s">
        <v>538</v>
      </c>
      <c r="K206" s="81"/>
      <c r="L206" s="127"/>
      <c r="M206" s="127"/>
      <c r="N206" s="127"/>
      <c r="O206" s="127"/>
      <c r="P206" s="127"/>
      <c r="Q206" s="128"/>
    </row>
    <row r="207" spans="1:22" s="83" customFormat="1" ht="85.5" x14ac:dyDescent="0.15">
      <c r="A207" s="232"/>
      <c r="B207" s="119"/>
      <c r="C207" s="324" t="s">
        <v>135</v>
      </c>
      <c r="D207" s="325"/>
      <c r="E207" s="325"/>
      <c r="F207" s="325"/>
      <c r="G207" s="325"/>
      <c r="H207" s="326"/>
      <c r="I207" s="134" t="s">
        <v>136</v>
      </c>
      <c r="J207" s="71" t="s">
        <v>538</v>
      </c>
      <c r="K207" s="81"/>
      <c r="L207" s="131"/>
      <c r="M207" s="131"/>
      <c r="N207" s="131"/>
      <c r="O207" s="131"/>
      <c r="P207" s="131"/>
      <c r="Q207" s="132"/>
    </row>
    <row r="208" spans="1:22" s="91" customFormat="1" x14ac:dyDescent="0.15">
      <c r="A208" s="232"/>
      <c r="B208" s="18"/>
      <c r="C208" s="18"/>
      <c r="D208" s="18"/>
      <c r="E208" s="18"/>
      <c r="F208" s="18"/>
      <c r="G208" s="18"/>
      <c r="H208" s="14"/>
      <c r="I208" s="14"/>
      <c r="J208" s="88"/>
      <c r="K208" s="89"/>
      <c r="L208" s="76"/>
      <c r="M208" s="76"/>
      <c r="N208" s="76"/>
      <c r="O208" s="76"/>
      <c r="P208" s="76"/>
      <c r="Q208" s="76"/>
    </row>
    <row r="209" spans="1:22" s="83" customFormat="1" x14ac:dyDescent="0.15">
      <c r="A209" s="232"/>
      <c r="B209" s="84"/>
      <c r="C209" s="62"/>
      <c r="D209" s="62"/>
      <c r="E209" s="62"/>
      <c r="F209" s="62"/>
      <c r="G209" s="62"/>
      <c r="H209" s="92"/>
      <c r="I209" s="92"/>
      <c r="J209" s="88"/>
      <c r="K209" s="89"/>
      <c r="L209" s="90"/>
      <c r="M209" s="90"/>
      <c r="N209" s="90"/>
      <c r="O209" s="90"/>
      <c r="P209" s="90"/>
      <c r="Q209" s="90"/>
    </row>
    <row r="210" spans="1:22" s="91" customFormat="1" x14ac:dyDescent="0.15">
      <c r="A210" s="232"/>
      <c r="B210" s="119"/>
      <c r="C210" s="3"/>
      <c r="D210" s="3"/>
      <c r="E210" s="135"/>
      <c r="F210" s="135"/>
      <c r="G210" s="135"/>
      <c r="H210" s="136"/>
      <c r="I210" s="136"/>
      <c r="J210" s="88"/>
      <c r="K210" s="89"/>
      <c r="L210" s="90"/>
      <c r="M210" s="90"/>
      <c r="N210" s="90"/>
      <c r="O210" s="90"/>
      <c r="P210" s="90"/>
      <c r="Q210" s="90"/>
    </row>
    <row r="211" spans="1:22" s="91" customFormat="1" x14ac:dyDescent="0.15">
      <c r="A211" s="232"/>
      <c r="B211" s="18" t="s">
        <v>137</v>
      </c>
      <c r="C211" s="107"/>
      <c r="D211" s="107"/>
      <c r="E211" s="107"/>
      <c r="F211" s="107"/>
      <c r="G211" s="14"/>
      <c r="H211" s="14"/>
      <c r="I211" s="14"/>
      <c r="J211" s="61"/>
      <c r="K211" s="31"/>
      <c r="L211" s="108"/>
      <c r="M211" s="108"/>
      <c r="N211" s="108"/>
      <c r="O211" s="108"/>
      <c r="P211" s="108"/>
      <c r="Q211" s="108"/>
    </row>
    <row r="212" spans="1:22" x14ac:dyDescent="0.15">
      <c r="A212" s="232"/>
      <c r="B212" s="18"/>
      <c r="C212" s="18"/>
      <c r="D212" s="18"/>
      <c r="E212" s="18"/>
      <c r="F212" s="18"/>
      <c r="G212" s="18"/>
      <c r="H212" s="14"/>
      <c r="I212" s="14"/>
      <c r="L212" s="76"/>
      <c r="M212" s="76"/>
      <c r="N212" s="76"/>
      <c r="O212" s="76"/>
      <c r="P212" s="76"/>
      <c r="Q212" s="76"/>
      <c r="R212" s="8"/>
      <c r="S212" s="8"/>
      <c r="T212" s="8"/>
      <c r="U212" s="8"/>
      <c r="V212" s="8"/>
    </row>
    <row r="213" spans="1:22" ht="34.5" customHeight="1" x14ac:dyDescent="0.15">
      <c r="A213" s="232"/>
      <c r="B213" s="18"/>
      <c r="C213" s="3"/>
      <c r="D213" s="3"/>
      <c r="F213" s="3"/>
      <c r="G213" s="3"/>
      <c r="H213" s="206"/>
      <c r="I213" s="206"/>
      <c r="J213" s="77" t="s">
        <v>35</v>
      </c>
      <c r="K213" s="78"/>
      <c r="L213" s="66" t="s">
        <v>525</v>
      </c>
      <c r="M213" s="66" t="s">
        <v>527</v>
      </c>
      <c r="N213" s="66" t="s">
        <v>528</v>
      </c>
      <c r="O213" s="66" t="s">
        <v>529</v>
      </c>
      <c r="P213" s="66" t="s">
        <v>530</v>
      </c>
      <c r="Q213" s="66" t="s">
        <v>531</v>
      </c>
      <c r="R213" s="8"/>
      <c r="S213" s="8"/>
      <c r="T213" s="8"/>
      <c r="U213" s="8"/>
      <c r="V213" s="8"/>
    </row>
    <row r="214" spans="1:22" x14ac:dyDescent="0.15">
      <c r="A214" s="232"/>
      <c r="B214" s="1"/>
      <c r="C214" s="62"/>
      <c r="D214" s="3"/>
      <c r="F214" s="3"/>
      <c r="G214" s="3"/>
      <c r="H214" s="206"/>
      <c r="I214" s="67" t="s">
        <v>125</v>
      </c>
      <c r="J214" s="68"/>
      <c r="K214" s="79"/>
      <c r="L214" s="137" t="s">
        <v>526</v>
      </c>
      <c r="M214" s="137" t="s">
        <v>526</v>
      </c>
      <c r="N214" s="137" t="s">
        <v>526</v>
      </c>
      <c r="O214" s="137" t="s">
        <v>526</v>
      </c>
      <c r="P214" s="137" t="s">
        <v>526</v>
      </c>
      <c r="Q214" s="137" t="s">
        <v>526</v>
      </c>
      <c r="R214" s="8"/>
      <c r="S214" s="8"/>
      <c r="T214" s="8"/>
      <c r="U214" s="8"/>
      <c r="V214" s="8"/>
    </row>
    <row r="215" spans="1:22" s="83" customFormat="1" ht="57" x14ac:dyDescent="0.15">
      <c r="A215" s="232"/>
      <c r="B215" s="119"/>
      <c r="C215" s="324" t="s">
        <v>138</v>
      </c>
      <c r="D215" s="325"/>
      <c r="E215" s="325"/>
      <c r="F215" s="325"/>
      <c r="G215" s="325"/>
      <c r="H215" s="326"/>
      <c r="I215" s="138" t="s">
        <v>139</v>
      </c>
      <c r="J215" s="71" t="s">
        <v>539</v>
      </c>
      <c r="K215" s="81"/>
      <c r="L215" s="127"/>
      <c r="M215" s="127"/>
      <c r="N215" s="127"/>
      <c r="O215" s="127"/>
      <c r="P215" s="127"/>
      <c r="Q215" s="128"/>
    </row>
    <row r="216" spans="1:22" s="83" customFormat="1" ht="57" x14ac:dyDescent="0.15">
      <c r="A216" s="232"/>
      <c r="B216" s="119"/>
      <c r="C216" s="324" t="s">
        <v>140</v>
      </c>
      <c r="D216" s="325"/>
      <c r="E216" s="325"/>
      <c r="F216" s="325"/>
      <c r="G216" s="325"/>
      <c r="H216" s="326"/>
      <c r="I216" s="138" t="s">
        <v>141</v>
      </c>
      <c r="J216" s="71" t="s">
        <v>538</v>
      </c>
      <c r="K216" s="81"/>
      <c r="L216" s="129"/>
      <c r="M216" s="129"/>
      <c r="N216" s="129"/>
      <c r="O216" s="129"/>
      <c r="P216" s="129"/>
      <c r="Q216" s="130"/>
    </row>
    <row r="217" spans="1:22" s="83" customFormat="1" ht="57" x14ac:dyDescent="0.15">
      <c r="A217" s="232"/>
      <c r="B217" s="119"/>
      <c r="C217" s="324" t="s">
        <v>142</v>
      </c>
      <c r="D217" s="325"/>
      <c r="E217" s="325"/>
      <c r="F217" s="325"/>
      <c r="G217" s="325"/>
      <c r="H217" s="326"/>
      <c r="I217" s="138" t="s">
        <v>143</v>
      </c>
      <c r="J217" s="71" t="s">
        <v>538</v>
      </c>
      <c r="K217" s="81"/>
      <c r="L217" s="131"/>
      <c r="M217" s="131"/>
      <c r="N217" s="131"/>
      <c r="O217" s="131"/>
      <c r="P217" s="131"/>
      <c r="Q217" s="132"/>
    </row>
    <row r="218" spans="1:22" s="91" customFormat="1" x14ac:dyDescent="0.15">
      <c r="A218" s="232"/>
      <c r="B218" s="18"/>
      <c r="C218" s="18"/>
      <c r="D218" s="18"/>
      <c r="E218" s="18"/>
      <c r="F218" s="18"/>
      <c r="G218" s="18"/>
      <c r="H218" s="14"/>
      <c r="I218" s="14"/>
      <c r="J218" s="88"/>
      <c r="K218" s="89"/>
      <c r="L218" s="76"/>
      <c r="M218" s="76"/>
      <c r="N218" s="76"/>
      <c r="O218" s="76"/>
      <c r="P218" s="76"/>
      <c r="Q218" s="76"/>
    </row>
    <row r="219" spans="1:22" s="83" customFormat="1" x14ac:dyDescent="0.15">
      <c r="A219" s="232"/>
      <c r="B219" s="84"/>
      <c r="C219" s="62"/>
      <c r="D219" s="62"/>
      <c r="E219" s="62"/>
      <c r="F219" s="62"/>
      <c r="G219" s="62"/>
      <c r="H219" s="92"/>
      <c r="I219" s="92"/>
      <c r="J219" s="88"/>
      <c r="K219" s="89"/>
      <c r="L219" s="90"/>
      <c r="M219" s="90"/>
      <c r="N219" s="90"/>
      <c r="O219" s="90"/>
      <c r="P219" s="90"/>
      <c r="Q219" s="90"/>
    </row>
    <row r="220" spans="1:22" s="91" customFormat="1" x14ac:dyDescent="0.15">
      <c r="A220" s="232"/>
      <c r="B220" s="1"/>
      <c r="C220" s="3"/>
      <c r="D220" s="3"/>
      <c r="E220" s="3"/>
      <c r="F220" s="3"/>
      <c r="G220" s="3"/>
      <c r="H220" s="206"/>
      <c r="I220" s="206"/>
      <c r="J220" s="61"/>
      <c r="K220" s="31"/>
      <c r="L220" s="108"/>
      <c r="M220" s="108"/>
      <c r="N220" s="108"/>
      <c r="O220" s="108"/>
      <c r="P220" s="108"/>
      <c r="Q220" s="108"/>
    </row>
    <row r="221" spans="1:22" x14ac:dyDescent="0.15">
      <c r="A221" s="232"/>
      <c r="B221" s="18" t="s">
        <v>144</v>
      </c>
      <c r="C221" s="18"/>
      <c r="D221" s="18"/>
      <c r="E221" s="18"/>
      <c r="F221" s="18"/>
      <c r="G221" s="18"/>
      <c r="H221" s="14"/>
      <c r="I221" s="14"/>
      <c r="J221" s="7"/>
      <c r="L221" s="139"/>
      <c r="M221" s="139"/>
      <c r="N221" s="139"/>
      <c r="O221" s="139"/>
      <c r="P221" s="139"/>
      <c r="Q221" s="139"/>
      <c r="R221" s="8"/>
      <c r="S221" s="8"/>
      <c r="T221" s="8"/>
      <c r="U221" s="8"/>
      <c r="V221" s="8"/>
    </row>
    <row r="222" spans="1:22" x14ac:dyDescent="0.15">
      <c r="A222" s="232"/>
      <c r="B222" s="18"/>
      <c r="C222" s="18"/>
      <c r="D222" s="18"/>
      <c r="E222" s="18"/>
      <c r="F222" s="18"/>
      <c r="G222" s="18"/>
      <c r="H222" s="14"/>
      <c r="I222" s="14"/>
      <c r="L222" s="76"/>
      <c r="M222" s="76"/>
      <c r="N222" s="76"/>
      <c r="O222" s="76"/>
      <c r="P222" s="76"/>
      <c r="Q222" s="76"/>
      <c r="R222" s="8"/>
      <c r="S222" s="8"/>
      <c r="T222" s="8"/>
      <c r="U222" s="8"/>
      <c r="V222" s="8"/>
    </row>
    <row r="223" spans="1:22" ht="34.5" customHeight="1" x14ac:dyDescent="0.15">
      <c r="A223" s="232"/>
      <c r="B223" s="18"/>
      <c r="C223" s="3"/>
      <c r="D223" s="3"/>
      <c r="F223" s="3"/>
      <c r="G223" s="3"/>
      <c r="H223" s="206"/>
      <c r="I223" s="206"/>
      <c r="J223" s="77" t="s">
        <v>35</v>
      </c>
      <c r="K223" s="78"/>
      <c r="L223" s="66" t="s">
        <v>525</v>
      </c>
      <c r="M223" s="66" t="s">
        <v>527</v>
      </c>
      <c r="N223" s="66" t="s">
        <v>528</v>
      </c>
      <c r="O223" s="66" t="s">
        <v>529</v>
      </c>
      <c r="P223" s="66" t="s">
        <v>530</v>
      </c>
      <c r="Q223" s="66" t="s">
        <v>531</v>
      </c>
      <c r="R223" s="8"/>
      <c r="S223" s="8"/>
      <c r="T223" s="8"/>
      <c r="U223" s="8"/>
      <c r="V223" s="8"/>
    </row>
    <row r="224" spans="1:22" ht="20.25" customHeight="1" x14ac:dyDescent="0.15">
      <c r="A224" s="232"/>
      <c r="B224" s="1"/>
      <c r="C224" s="62"/>
      <c r="D224" s="3"/>
      <c r="F224" s="3"/>
      <c r="G224" s="3"/>
      <c r="H224" s="206"/>
      <c r="I224" s="67" t="s">
        <v>125</v>
      </c>
      <c r="J224" s="68"/>
      <c r="K224" s="79"/>
      <c r="L224" s="70" t="s">
        <v>526</v>
      </c>
      <c r="M224" s="70" t="s">
        <v>526</v>
      </c>
      <c r="N224" s="70" t="s">
        <v>526</v>
      </c>
      <c r="O224" s="70" t="s">
        <v>526</v>
      </c>
      <c r="P224" s="70" t="s">
        <v>526</v>
      </c>
      <c r="Q224" s="70" t="s">
        <v>526</v>
      </c>
      <c r="R224" s="8"/>
      <c r="S224" s="8"/>
      <c r="T224" s="8"/>
      <c r="U224" s="8"/>
      <c r="V224" s="8"/>
    </row>
    <row r="225" spans="1:17" s="83" customFormat="1" ht="34.5" customHeight="1" x14ac:dyDescent="0.15">
      <c r="A225" s="232"/>
      <c r="B225" s="84"/>
      <c r="C225" s="375" t="s">
        <v>145</v>
      </c>
      <c r="D225" s="378"/>
      <c r="E225" s="378"/>
      <c r="F225" s="378"/>
      <c r="G225" s="375" t="s">
        <v>146</v>
      </c>
      <c r="H225" s="375"/>
      <c r="I225" s="407" t="s">
        <v>147</v>
      </c>
      <c r="J225" s="140">
        <v>4</v>
      </c>
      <c r="K225" s="81" t="s">
        <v>542</v>
      </c>
      <c r="L225" s="141"/>
      <c r="M225" s="141"/>
      <c r="N225" s="141"/>
      <c r="O225" s="141"/>
      <c r="P225" s="141"/>
      <c r="Q225" s="142"/>
    </row>
    <row r="226" spans="1:17" s="83" customFormat="1" ht="34.5" customHeight="1" x14ac:dyDescent="0.15">
      <c r="A226" s="232"/>
      <c r="B226" s="84"/>
      <c r="C226" s="378"/>
      <c r="D226" s="378"/>
      <c r="E226" s="378"/>
      <c r="F226" s="378"/>
      <c r="G226" s="375" t="s">
        <v>148</v>
      </c>
      <c r="H226" s="375"/>
      <c r="I226" s="408"/>
      <c r="J226" s="143">
        <v>1.7</v>
      </c>
      <c r="K226" s="81" t="s">
        <v>542</v>
      </c>
      <c r="L226" s="144"/>
      <c r="M226" s="144"/>
      <c r="N226" s="144"/>
      <c r="O226" s="144"/>
      <c r="P226" s="144"/>
      <c r="Q226" s="145"/>
    </row>
    <row r="227" spans="1:17" s="83" customFormat="1" ht="34.5" customHeight="1" x14ac:dyDescent="0.15">
      <c r="A227" s="232"/>
      <c r="B227" s="84"/>
      <c r="C227" s="375" t="s">
        <v>149</v>
      </c>
      <c r="D227" s="378"/>
      <c r="E227" s="378"/>
      <c r="F227" s="378"/>
      <c r="G227" s="375" t="s">
        <v>146</v>
      </c>
      <c r="H227" s="375"/>
      <c r="I227" s="408"/>
      <c r="J227" s="140">
        <v>0</v>
      </c>
      <c r="K227" s="81" t="s">
        <v>542</v>
      </c>
      <c r="L227" s="141"/>
      <c r="M227" s="141"/>
      <c r="N227" s="141"/>
      <c r="O227" s="141"/>
      <c r="P227" s="141"/>
      <c r="Q227" s="146"/>
    </row>
    <row r="228" spans="1:17" s="83" customFormat="1" ht="34.5" customHeight="1" x14ac:dyDescent="0.15">
      <c r="A228" s="232"/>
      <c r="B228" s="84"/>
      <c r="C228" s="378"/>
      <c r="D228" s="378"/>
      <c r="E228" s="378"/>
      <c r="F228" s="378"/>
      <c r="G228" s="375" t="s">
        <v>148</v>
      </c>
      <c r="H228" s="375"/>
      <c r="I228" s="408"/>
      <c r="J228" s="143">
        <v>0.1</v>
      </c>
      <c r="K228" s="81" t="s">
        <v>542</v>
      </c>
      <c r="L228" s="144"/>
      <c r="M228" s="144"/>
      <c r="N228" s="144"/>
      <c r="O228" s="144"/>
      <c r="P228" s="144"/>
      <c r="Q228" s="145"/>
    </row>
    <row r="229" spans="1:17" s="83" customFormat="1" ht="34.5" customHeight="1" x14ac:dyDescent="0.15">
      <c r="A229" s="232"/>
      <c r="B229" s="120"/>
      <c r="C229" s="375" t="s">
        <v>150</v>
      </c>
      <c r="D229" s="375"/>
      <c r="E229" s="375"/>
      <c r="F229" s="375"/>
      <c r="G229" s="375" t="s">
        <v>146</v>
      </c>
      <c r="H229" s="375"/>
      <c r="I229" s="408"/>
      <c r="J229" s="140">
        <v>122</v>
      </c>
      <c r="K229" s="81" t="s">
        <v>542</v>
      </c>
      <c r="L229" s="147">
        <v>22</v>
      </c>
      <c r="M229" s="147">
        <v>24</v>
      </c>
      <c r="N229" s="147">
        <v>22</v>
      </c>
      <c r="O229" s="147">
        <v>15</v>
      </c>
      <c r="P229" s="147">
        <v>17</v>
      </c>
      <c r="Q229" s="147">
        <v>17</v>
      </c>
    </row>
    <row r="230" spans="1:17" s="83" customFormat="1" ht="34.5" customHeight="1" x14ac:dyDescent="0.15">
      <c r="A230" s="232"/>
      <c r="B230" s="120"/>
      <c r="C230" s="375"/>
      <c r="D230" s="375"/>
      <c r="E230" s="375"/>
      <c r="F230" s="375"/>
      <c r="G230" s="375" t="s">
        <v>148</v>
      </c>
      <c r="H230" s="375"/>
      <c r="I230" s="408"/>
      <c r="J230" s="143">
        <v>1.3</v>
      </c>
      <c r="K230" s="81" t="s">
        <v>542</v>
      </c>
      <c r="L230" s="148">
        <v>0</v>
      </c>
      <c r="M230" s="148">
        <v>0</v>
      </c>
      <c r="N230" s="148">
        <v>0</v>
      </c>
      <c r="O230" s="148">
        <v>0</v>
      </c>
      <c r="P230" s="148">
        <v>0.8</v>
      </c>
      <c r="Q230" s="148">
        <v>0.5</v>
      </c>
    </row>
    <row r="231" spans="1:17" s="83" customFormat="1" ht="34.5" customHeight="1" x14ac:dyDescent="0.15">
      <c r="A231" s="232"/>
      <c r="B231" s="120"/>
      <c r="C231" s="375" t="s">
        <v>151</v>
      </c>
      <c r="D231" s="376"/>
      <c r="E231" s="376"/>
      <c r="F231" s="376"/>
      <c r="G231" s="375" t="s">
        <v>146</v>
      </c>
      <c r="H231" s="375"/>
      <c r="I231" s="408"/>
      <c r="J231" s="140">
        <v>12</v>
      </c>
      <c r="K231" s="81" t="s">
        <v>542</v>
      </c>
      <c r="L231" s="147">
        <v>3</v>
      </c>
      <c r="M231" s="147">
        <v>2</v>
      </c>
      <c r="N231" s="147">
        <v>3</v>
      </c>
      <c r="O231" s="147">
        <v>2</v>
      </c>
      <c r="P231" s="147">
        <v>1</v>
      </c>
      <c r="Q231" s="147">
        <v>1</v>
      </c>
    </row>
    <row r="232" spans="1:17" s="83" customFormat="1" ht="34.5" customHeight="1" x14ac:dyDescent="0.15">
      <c r="A232" s="232"/>
      <c r="B232" s="120"/>
      <c r="C232" s="376"/>
      <c r="D232" s="376"/>
      <c r="E232" s="376"/>
      <c r="F232" s="376"/>
      <c r="G232" s="375" t="s">
        <v>148</v>
      </c>
      <c r="H232" s="375"/>
      <c r="I232" s="408"/>
      <c r="J232" s="143">
        <v>2.2000000000000002</v>
      </c>
      <c r="K232" s="81" t="s">
        <v>542</v>
      </c>
      <c r="L232" s="148">
        <v>0.6</v>
      </c>
      <c r="M232" s="148">
        <v>0</v>
      </c>
      <c r="N232" s="148">
        <v>0</v>
      </c>
      <c r="O232" s="148">
        <v>0.8</v>
      </c>
      <c r="P232" s="148">
        <v>0.8</v>
      </c>
      <c r="Q232" s="148">
        <v>0</v>
      </c>
    </row>
    <row r="233" spans="1:17" s="83" customFormat="1" ht="34.5" customHeight="1" x14ac:dyDescent="0.15">
      <c r="A233" s="232"/>
      <c r="B233" s="120"/>
      <c r="C233" s="375" t="s">
        <v>152</v>
      </c>
      <c r="D233" s="376"/>
      <c r="E233" s="376"/>
      <c r="F233" s="376"/>
      <c r="G233" s="375" t="s">
        <v>146</v>
      </c>
      <c r="H233" s="375"/>
      <c r="I233" s="408"/>
      <c r="J233" s="140">
        <v>34</v>
      </c>
      <c r="K233" s="81" t="s">
        <v>542</v>
      </c>
      <c r="L233" s="147">
        <v>6</v>
      </c>
      <c r="M233" s="147">
        <v>6</v>
      </c>
      <c r="N233" s="147">
        <v>6</v>
      </c>
      <c r="O233" s="147">
        <v>6</v>
      </c>
      <c r="P233" s="147">
        <v>5</v>
      </c>
      <c r="Q233" s="147">
        <v>5</v>
      </c>
    </row>
    <row r="234" spans="1:17" s="83" customFormat="1" ht="34.5" customHeight="1" x14ac:dyDescent="0.15">
      <c r="A234" s="232"/>
      <c r="B234" s="120"/>
      <c r="C234" s="376"/>
      <c r="D234" s="376"/>
      <c r="E234" s="376"/>
      <c r="F234" s="376"/>
      <c r="G234" s="375" t="s">
        <v>148</v>
      </c>
      <c r="H234" s="375"/>
      <c r="I234" s="408"/>
      <c r="J234" s="143">
        <v>6.5</v>
      </c>
      <c r="K234" s="81" t="s">
        <v>542</v>
      </c>
      <c r="L234" s="148">
        <v>0.8</v>
      </c>
      <c r="M234" s="148">
        <v>0.8</v>
      </c>
      <c r="N234" s="148">
        <v>0</v>
      </c>
      <c r="O234" s="148">
        <v>0.8</v>
      </c>
      <c r="P234" s="148">
        <v>1.7</v>
      </c>
      <c r="Q234" s="148">
        <v>1.7</v>
      </c>
    </row>
    <row r="235" spans="1:17" s="83" customFormat="1" ht="34.5" customHeight="1" x14ac:dyDescent="0.15">
      <c r="A235" s="232"/>
      <c r="B235" s="120"/>
      <c r="C235" s="375" t="s">
        <v>153</v>
      </c>
      <c r="D235" s="376"/>
      <c r="E235" s="376"/>
      <c r="F235" s="376"/>
      <c r="G235" s="375" t="s">
        <v>146</v>
      </c>
      <c r="H235" s="375"/>
      <c r="I235" s="408"/>
      <c r="J235" s="140">
        <v>0</v>
      </c>
      <c r="K235" s="81" t="s">
        <v>542</v>
      </c>
      <c r="L235" s="147">
        <v>0</v>
      </c>
      <c r="M235" s="147">
        <v>0</v>
      </c>
      <c r="N235" s="147">
        <v>0</v>
      </c>
      <c r="O235" s="147">
        <v>0</v>
      </c>
      <c r="P235" s="147">
        <v>0</v>
      </c>
      <c r="Q235" s="147">
        <v>0</v>
      </c>
    </row>
    <row r="236" spans="1:17" s="83" customFormat="1" ht="34.5" customHeight="1" x14ac:dyDescent="0.15">
      <c r="A236" s="232"/>
      <c r="B236" s="84"/>
      <c r="C236" s="376"/>
      <c r="D236" s="376"/>
      <c r="E236" s="376"/>
      <c r="F236" s="376"/>
      <c r="G236" s="375" t="s">
        <v>148</v>
      </c>
      <c r="H236" s="375"/>
      <c r="I236" s="408"/>
      <c r="J236" s="143">
        <v>0</v>
      </c>
      <c r="K236" s="81" t="s">
        <v>542</v>
      </c>
      <c r="L236" s="148">
        <v>0</v>
      </c>
      <c r="M236" s="148">
        <v>0</v>
      </c>
      <c r="N236" s="148">
        <v>0</v>
      </c>
      <c r="O236" s="148">
        <v>0</v>
      </c>
      <c r="P236" s="148">
        <v>0</v>
      </c>
      <c r="Q236" s="148">
        <v>0</v>
      </c>
    </row>
    <row r="237" spans="1:17" s="83" customFormat="1" ht="34.5" customHeight="1" x14ac:dyDescent="0.15">
      <c r="A237" s="232"/>
      <c r="B237" s="84"/>
      <c r="C237" s="375" t="s">
        <v>154</v>
      </c>
      <c r="D237" s="376"/>
      <c r="E237" s="376"/>
      <c r="F237" s="376"/>
      <c r="G237" s="375" t="s">
        <v>146</v>
      </c>
      <c r="H237" s="375"/>
      <c r="I237" s="408"/>
      <c r="J237" s="140">
        <v>5</v>
      </c>
      <c r="K237" s="81" t="s">
        <v>542</v>
      </c>
      <c r="L237" s="147">
        <v>0</v>
      </c>
      <c r="M237" s="147">
        <v>0</v>
      </c>
      <c r="N237" s="147">
        <v>0</v>
      </c>
      <c r="O237" s="147">
        <v>0</v>
      </c>
      <c r="P237" s="147">
        <v>0</v>
      </c>
      <c r="Q237" s="147">
        <v>0</v>
      </c>
    </row>
    <row r="238" spans="1:17" s="83" customFormat="1" ht="34.5" customHeight="1" x14ac:dyDescent="0.15">
      <c r="A238" s="232"/>
      <c r="B238" s="84"/>
      <c r="C238" s="376"/>
      <c r="D238" s="376"/>
      <c r="E238" s="376"/>
      <c r="F238" s="376"/>
      <c r="G238" s="375" t="s">
        <v>148</v>
      </c>
      <c r="H238" s="375"/>
      <c r="I238" s="408"/>
      <c r="J238" s="143">
        <v>0</v>
      </c>
      <c r="K238" s="81" t="s">
        <v>542</v>
      </c>
      <c r="L238" s="148">
        <v>0</v>
      </c>
      <c r="M238" s="148">
        <v>0</v>
      </c>
      <c r="N238" s="148">
        <v>0</v>
      </c>
      <c r="O238" s="148">
        <v>0</v>
      </c>
      <c r="P238" s="148">
        <v>0</v>
      </c>
      <c r="Q238" s="148">
        <v>0</v>
      </c>
    </row>
    <row r="239" spans="1:17" s="83" customFormat="1" ht="34.5" customHeight="1" x14ac:dyDescent="0.15">
      <c r="A239" s="232"/>
      <c r="B239" s="84"/>
      <c r="C239" s="375" t="s">
        <v>155</v>
      </c>
      <c r="D239" s="376"/>
      <c r="E239" s="376"/>
      <c r="F239" s="376"/>
      <c r="G239" s="375" t="s">
        <v>146</v>
      </c>
      <c r="H239" s="375"/>
      <c r="I239" s="408"/>
      <c r="J239" s="140">
        <v>3</v>
      </c>
      <c r="K239" s="81" t="s">
        <v>542</v>
      </c>
      <c r="L239" s="147">
        <v>0</v>
      </c>
      <c r="M239" s="147">
        <v>0</v>
      </c>
      <c r="N239" s="147">
        <v>0</v>
      </c>
      <c r="O239" s="147">
        <v>0</v>
      </c>
      <c r="P239" s="147">
        <v>0</v>
      </c>
      <c r="Q239" s="147">
        <v>0</v>
      </c>
    </row>
    <row r="240" spans="1:17" s="83" customFormat="1" ht="34.5" customHeight="1" x14ac:dyDescent="0.15">
      <c r="A240" s="232"/>
      <c r="B240" s="84"/>
      <c r="C240" s="376"/>
      <c r="D240" s="376"/>
      <c r="E240" s="376"/>
      <c r="F240" s="376"/>
      <c r="G240" s="375" t="s">
        <v>148</v>
      </c>
      <c r="H240" s="375"/>
      <c r="I240" s="408"/>
      <c r="J240" s="143">
        <v>0</v>
      </c>
      <c r="K240" s="81" t="s">
        <v>542</v>
      </c>
      <c r="L240" s="148">
        <v>0</v>
      </c>
      <c r="M240" s="148">
        <v>0</v>
      </c>
      <c r="N240" s="148">
        <v>0</v>
      </c>
      <c r="O240" s="148">
        <v>0</v>
      </c>
      <c r="P240" s="148">
        <v>0</v>
      </c>
      <c r="Q240" s="148">
        <v>0</v>
      </c>
    </row>
    <row r="241" spans="1:22" s="83" customFormat="1" ht="34.5" customHeight="1" x14ac:dyDescent="0.15">
      <c r="A241" s="232"/>
      <c r="B241" s="84"/>
      <c r="C241" s="375" t="s">
        <v>156</v>
      </c>
      <c r="D241" s="376"/>
      <c r="E241" s="376"/>
      <c r="F241" s="376"/>
      <c r="G241" s="375" t="s">
        <v>146</v>
      </c>
      <c r="H241" s="375"/>
      <c r="I241" s="408"/>
      <c r="J241" s="140">
        <v>0</v>
      </c>
      <c r="K241" s="81" t="s">
        <v>542</v>
      </c>
      <c r="L241" s="147">
        <v>0</v>
      </c>
      <c r="M241" s="147">
        <v>0</v>
      </c>
      <c r="N241" s="147">
        <v>0</v>
      </c>
      <c r="O241" s="147">
        <v>0</v>
      </c>
      <c r="P241" s="147">
        <v>0</v>
      </c>
      <c r="Q241" s="147">
        <v>0</v>
      </c>
    </row>
    <row r="242" spans="1:22" s="83" customFormat="1" ht="34.5" customHeight="1" x14ac:dyDescent="0.15">
      <c r="A242" s="232"/>
      <c r="B242" s="84"/>
      <c r="C242" s="376"/>
      <c r="D242" s="376"/>
      <c r="E242" s="376"/>
      <c r="F242" s="376"/>
      <c r="G242" s="375" t="s">
        <v>148</v>
      </c>
      <c r="H242" s="375"/>
      <c r="I242" s="408"/>
      <c r="J242" s="143">
        <v>0</v>
      </c>
      <c r="K242" s="81" t="s">
        <v>542</v>
      </c>
      <c r="L242" s="148">
        <v>0</v>
      </c>
      <c r="M242" s="148">
        <v>0</v>
      </c>
      <c r="N242" s="148">
        <v>0</v>
      </c>
      <c r="O242" s="148">
        <v>0</v>
      </c>
      <c r="P242" s="148">
        <v>0</v>
      </c>
      <c r="Q242" s="148">
        <v>0</v>
      </c>
    </row>
    <row r="243" spans="1:22" s="83" customFormat="1" ht="34.5" customHeight="1" x14ac:dyDescent="0.15">
      <c r="A243" s="232"/>
      <c r="B243" s="84"/>
      <c r="C243" s="375" t="s">
        <v>157</v>
      </c>
      <c r="D243" s="376"/>
      <c r="E243" s="376"/>
      <c r="F243" s="376"/>
      <c r="G243" s="375" t="s">
        <v>146</v>
      </c>
      <c r="H243" s="375"/>
      <c r="I243" s="408"/>
      <c r="J243" s="140">
        <v>2</v>
      </c>
      <c r="K243" s="81" t="s">
        <v>542</v>
      </c>
      <c r="L243" s="147">
        <v>0</v>
      </c>
      <c r="M243" s="147">
        <v>0</v>
      </c>
      <c r="N243" s="147">
        <v>0</v>
      </c>
      <c r="O243" s="147">
        <v>0</v>
      </c>
      <c r="P243" s="147">
        <v>0</v>
      </c>
      <c r="Q243" s="147">
        <v>0</v>
      </c>
    </row>
    <row r="244" spans="1:22" s="83" customFormat="1" ht="34.5" customHeight="1" x14ac:dyDescent="0.15">
      <c r="A244" s="232"/>
      <c r="B244" s="84"/>
      <c r="C244" s="376"/>
      <c r="D244" s="376"/>
      <c r="E244" s="376"/>
      <c r="F244" s="376"/>
      <c r="G244" s="375" t="s">
        <v>148</v>
      </c>
      <c r="H244" s="375"/>
      <c r="I244" s="408"/>
      <c r="J244" s="143">
        <v>0</v>
      </c>
      <c r="K244" s="81" t="s">
        <v>542</v>
      </c>
      <c r="L244" s="148">
        <v>0</v>
      </c>
      <c r="M244" s="148">
        <v>0</v>
      </c>
      <c r="N244" s="148">
        <v>0</v>
      </c>
      <c r="O244" s="148">
        <v>0</v>
      </c>
      <c r="P244" s="148">
        <v>0</v>
      </c>
      <c r="Q244" s="148">
        <v>0</v>
      </c>
    </row>
    <row r="245" spans="1:22" s="83" customFormat="1" ht="34.5" customHeight="1" x14ac:dyDescent="0.15">
      <c r="A245" s="232"/>
      <c r="B245" s="84"/>
      <c r="C245" s="375" t="s">
        <v>158</v>
      </c>
      <c r="D245" s="378"/>
      <c r="E245" s="378"/>
      <c r="F245" s="378"/>
      <c r="G245" s="375" t="s">
        <v>146</v>
      </c>
      <c r="H245" s="375"/>
      <c r="I245" s="408"/>
      <c r="J245" s="140">
        <v>1</v>
      </c>
      <c r="K245" s="81" t="s">
        <v>542</v>
      </c>
      <c r="L245" s="141"/>
      <c r="M245" s="141"/>
      <c r="N245" s="141"/>
      <c r="O245" s="141"/>
      <c r="P245" s="141"/>
      <c r="Q245" s="146"/>
    </row>
    <row r="246" spans="1:22" s="83" customFormat="1" ht="34.5" customHeight="1" x14ac:dyDescent="0.15">
      <c r="A246" s="232"/>
      <c r="B246" s="84"/>
      <c r="C246" s="378"/>
      <c r="D246" s="378"/>
      <c r="E246" s="378"/>
      <c r="F246" s="378"/>
      <c r="G246" s="375" t="s">
        <v>148</v>
      </c>
      <c r="H246" s="375"/>
      <c r="I246" s="408"/>
      <c r="J246" s="143">
        <v>0</v>
      </c>
      <c r="K246" s="81" t="s">
        <v>542</v>
      </c>
      <c r="L246" s="144"/>
      <c r="M246" s="144"/>
      <c r="N246" s="144"/>
      <c r="O246" s="144"/>
      <c r="P246" s="144"/>
      <c r="Q246" s="145"/>
    </row>
    <row r="247" spans="1:22" s="83" customFormat="1" ht="34.5" customHeight="1" x14ac:dyDescent="0.15">
      <c r="A247" s="232"/>
      <c r="B247" s="84"/>
      <c r="C247" s="375" t="s">
        <v>159</v>
      </c>
      <c r="D247" s="378"/>
      <c r="E247" s="378"/>
      <c r="F247" s="378"/>
      <c r="G247" s="375" t="s">
        <v>146</v>
      </c>
      <c r="H247" s="375"/>
      <c r="I247" s="408"/>
      <c r="J247" s="140">
        <v>2</v>
      </c>
      <c r="K247" s="81" t="s">
        <v>542</v>
      </c>
      <c r="L247" s="141"/>
      <c r="M247" s="141"/>
      <c r="N247" s="141"/>
      <c r="O247" s="141"/>
      <c r="P247" s="141"/>
      <c r="Q247" s="146"/>
    </row>
    <row r="248" spans="1:22" s="83" customFormat="1" ht="34.5" customHeight="1" x14ac:dyDescent="0.15">
      <c r="A248" s="232"/>
      <c r="B248" s="84"/>
      <c r="C248" s="378"/>
      <c r="D248" s="378"/>
      <c r="E248" s="378"/>
      <c r="F248" s="378"/>
      <c r="G248" s="375" t="s">
        <v>148</v>
      </c>
      <c r="H248" s="375"/>
      <c r="I248" s="408"/>
      <c r="J248" s="143">
        <v>0</v>
      </c>
      <c r="K248" s="81" t="s">
        <v>542</v>
      </c>
      <c r="L248" s="144"/>
      <c r="M248" s="144"/>
      <c r="N248" s="144"/>
      <c r="O248" s="144"/>
      <c r="P248" s="144"/>
      <c r="Q248" s="145"/>
    </row>
    <row r="249" spans="1:22" s="83" customFormat="1" ht="34.5" customHeight="1" x14ac:dyDescent="0.15">
      <c r="A249" s="232"/>
      <c r="B249" s="84"/>
      <c r="C249" s="375" t="s">
        <v>160</v>
      </c>
      <c r="D249" s="376"/>
      <c r="E249" s="376"/>
      <c r="F249" s="376"/>
      <c r="G249" s="375" t="s">
        <v>146</v>
      </c>
      <c r="H249" s="375"/>
      <c r="I249" s="408"/>
      <c r="J249" s="140">
        <v>1</v>
      </c>
      <c r="K249" s="81" t="s">
        <v>542</v>
      </c>
      <c r="L249" s="147">
        <v>0</v>
      </c>
      <c r="M249" s="147">
        <v>0</v>
      </c>
      <c r="N249" s="147">
        <v>0</v>
      </c>
      <c r="O249" s="147">
        <v>0</v>
      </c>
      <c r="P249" s="147">
        <v>0</v>
      </c>
      <c r="Q249" s="147">
        <v>0</v>
      </c>
    </row>
    <row r="250" spans="1:22" s="83" customFormat="1" ht="34.5" customHeight="1" x14ac:dyDescent="0.15">
      <c r="A250" s="232"/>
      <c r="B250" s="84"/>
      <c r="C250" s="376"/>
      <c r="D250" s="376"/>
      <c r="E250" s="376"/>
      <c r="F250" s="376"/>
      <c r="G250" s="375" t="s">
        <v>148</v>
      </c>
      <c r="H250" s="375"/>
      <c r="I250" s="408"/>
      <c r="J250" s="143">
        <v>0</v>
      </c>
      <c r="K250" s="81" t="s">
        <v>542</v>
      </c>
      <c r="L250" s="148">
        <v>0</v>
      </c>
      <c r="M250" s="148">
        <v>0</v>
      </c>
      <c r="N250" s="148">
        <v>0</v>
      </c>
      <c r="O250" s="148">
        <v>0</v>
      </c>
      <c r="P250" s="148">
        <v>0</v>
      </c>
      <c r="Q250" s="148">
        <v>0</v>
      </c>
    </row>
    <row r="251" spans="1:22" s="83" customFormat="1" ht="34.5" customHeight="1" x14ac:dyDescent="0.15">
      <c r="A251" s="232"/>
      <c r="B251" s="84"/>
      <c r="C251" s="375" t="s">
        <v>161</v>
      </c>
      <c r="D251" s="378"/>
      <c r="E251" s="378"/>
      <c r="F251" s="378"/>
      <c r="G251" s="375" t="s">
        <v>146</v>
      </c>
      <c r="H251" s="375"/>
      <c r="I251" s="408"/>
      <c r="J251" s="140">
        <v>1</v>
      </c>
      <c r="K251" s="81" t="s">
        <v>542</v>
      </c>
      <c r="L251" s="147">
        <v>0</v>
      </c>
      <c r="M251" s="147">
        <v>0</v>
      </c>
      <c r="N251" s="147">
        <v>0</v>
      </c>
      <c r="O251" s="147">
        <v>0</v>
      </c>
      <c r="P251" s="147">
        <v>0</v>
      </c>
      <c r="Q251" s="147">
        <v>0</v>
      </c>
    </row>
    <row r="252" spans="1:22" s="83" customFormat="1" ht="34.5" customHeight="1" x14ac:dyDescent="0.15">
      <c r="A252" s="232"/>
      <c r="B252" s="84"/>
      <c r="C252" s="378"/>
      <c r="D252" s="378"/>
      <c r="E252" s="378"/>
      <c r="F252" s="378"/>
      <c r="G252" s="375" t="s">
        <v>148</v>
      </c>
      <c r="H252" s="375"/>
      <c r="I252" s="409"/>
      <c r="J252" s="143">
        <v>0</v>
      </c>
      <c r="K252" s="81" t="s">
        <v>542</v>
      </c>
      <c r="L252" s="148">
        <v>0</v>
      </c>
      <c r="M252" s="148">
        <v>0</v>
      </c>
      <c r="N252" s="148">
        <v>0</v>
      </c>
      <c r="O252" s="148">
        <v>0</v>
      </c>
      <c r="P252" s="148">
        <v>0</v>
      </c>
      <c r="Q252" s="148">
        <v>0</v>
      </c>
    </row>
    <row r="253" spans="1:22" s="91" customFormat="1" x14ac:dyDescent="0.15">
      <c r="A253" s="232"/>
      <c r="B253" s="18"/>
      <c r="C253" s="18"/>
      <c r="D253" s="18"/>
      <c r="E253" s="18"/>
      <c r="F253" s="18"/>
      <c r="G253" s="18"/>
      <c r="H253" s="14"/>
      <c r="I253" s="14"/>
      <c r="J253" s="88"/>
      <c r="K253" s="89"/>
      <c r="L253" s="90"/>
      <c r="M253" s="90"/>
      <c r="N253" s="90"/>
      <c r="O253" s="90"/>
      <c r="P253" s="90"/>
      <c r="Q253" s="90"/>
      <c r="R253" s="90"/>
      <c r="S253" s="90"/>
      <c r="T253" s="90"/>
      <c r="U253" s="90"/>
      <c r="V253" s="90"/>
    </row>
    <row r="254" spans="1:22" x14ac:dyDescent="0.15">
      <c r="A254" s="232"/>
      <c r="B254" s="18"/>
      <c r="C254" s="18"/>
      <c r="D254" s="18"/>
      <c r="E254" s="18"/>
      <c r="F254" s="18"/>
      <c r="G254" s="18"/>
      <c r="H254" s="14"/>
      <c r="I254" s="14"/>
      <c r="L254" s="76"/>
      <c r="M254" s="149"/>
      <c r="N254" s="149"/>
      <c r="O254" s="76"/>
      <c r="P254" s="76"/>
      <c r="Q254" s="76"/>
      <c r="R254" s="76"/>
      <c r="S254" s="76"/>
      <c r="T254" s="76"/>
      <c r="U254" s="76"/>
      <c r="V254" s="76"/>
    </row>
    <row r="255" spans="1:22" ht="34.5" customHeight="1" x14ac:dyDescent="0.15">
      <c r="A255" s="232"/>
      <c r="B255" s="18"/>
      <c r="C255" s="3"/>
      <c r="D255" s="3"/>
      <c r="F255" s="3"/>
      <c r="G255" s="3"/>
      <c r="H255" s="206"/>
      <c r="I255" s="206"/>
      <c r="J255" s="77" t="s">
        <v>35</v>
      </c>
      <c r="K255" s="78"/>
      <c r="L255" s="444" t="s">
        <v>162</v>
      </c>
      <c r="M255" s="444"/>
      <c r="N255" s="444"/>
      <c r="O255" s="139"/>
      <c r="P255" s="139"/>
      <c r="Q255" s="139"/>
      <c r="R255" s="139"/>
      <c r="S255" s="139"/>
      <c r="T255" s="139"/>
      <c r="U255" s="139"/>
      <c r="V255" s="139"/>
    </row>
    <row r="256" spans="1:22" ht="20.25" customHeight="1" x14ac:dyDescent="0.15">
      <c r="A256" s="232"/>
      <c r="B256" s="1"/>
      <c r="C256" s="62"/>
      <c r="D256" s="3"/>
      <c r="F256" s="3"/>
      <c r="G256" s="3"/>
      <c r="H256" s="206"/>
      <c r="I256" s="67" t="s">
        <v>163</v>
      </c>
      <c r="J256" s="68"/>
      <c r="K256" s="79"/>
      <c r="L256" s="150" t="s">
        <v>164</v>
      </c>
      <c r="M256" s="150" t="s">
        <v>165</v>
      </c>
      <c r="N256" s="150" t="s">
        <v>166</v>
      </c>
      <c r="O256" s="139"/>
      <c r="P256" s="139"/>
      <c r="Q256" s="139"/>
      <c r="R256" s="139"/>
      <c r="S256" s="139"/>
      <c r="T256" s="139"/>
      <c r="U256" s="139"/>
      <c r="V256" s="8"/>
    </row>
    <row r="257" spans="1:21" s="83" customFormat="1" ht="34.5" customHeight="1" x14ac:dyDescent="0.15">
      <c r="A257" s="232"/>
      <c r="B257" s="120"/>
      <c r="C257" s="375" t="s">
        <v>150</v>
      </c>
      <c r="D257" s="375"/>
      <c r="E257" s="375"/>
      <c r="F257" s="375"/>
      <c r="G257" s="324" t="s">
        <v>146</v>
      </c>
      <c r="H257" s="326"/>
      <c r="I257" s="404" t="s">
        <v>167</v>
      </c>
      <c r="J257" s="151"/>
      <c r="K257" s="152"/>
      <c r="L257" s="147">
        <v>0</v>
      </c>
      <c r="M257" s="147">
        <v>1</v>
      </c>
      <c r="N257" s="147">
        <v>4</v>
      </c>
      <c r="O257" s="139"/>
      <c r="P257" s="139"/>
      <c r="Q257" s="139"/>
      <c r="R257" s="139"/>
      <c r="S257" s="139"/>
      <c r="T257" s="139"/>
      <c r="U257" s="139"/>
    </row>
    <row r="258" spans="1:21" s="83" customFormat="1" ht="34.5" customHeight="1" x14ac:dyDescent="0.15">
      <c r="A258" s="232"/>
      <c r="B258" s="120"/>
      <c r="C258" s="375"/>
      <c r="D258" s="375"/>
      <c r="E258" s="375"/>
      <c r="F258" s="375"/>
      <c r="G258" s="324" t="s">
        <v>148</v>
      </c>
      <c r="H258" s="326"/>
      <c r="I258" s="405"/>
      <c r="J258" s="151"/>
      <c r="K258" s="153"/>
      <c r="L258" s="148">
        <v>0</v>
      </c>
      <c r="M258" s="148">
        <v>0</v>
      </c>
      <c r="N258" s="148">
        <v>0</v>
      </c>
      <c r="O258" s="139"/>
      <c r="P258" s="139"/>
      <c r="Q258" s="139"/>
      <c r="R258" s="139"/>
      <c r="S258" s="139"/>
      <c r="T258" s="139"/>
      <c r="U258" s="139"/>
    </row>
    <row r="259" spans="1:21" s="83" customFormat="1" ht="34.5" customHeight="1" x14ac:dyDescent="0.15">
      <c r="A259" s="232"/>
      <c r="B259" s="120"/>
      <c r="C259" s="375" t="s">
        <v>151</v>
      </c>
      <c r="D259" s="376"/>
      <c r="E259" s="376"/>
      <c r="F259" s="376"/>
      <c r="G259" s="324" t="s">
        <v>146</v>
      </c>
      <c r="H259" s="326"/>
      <c r="I259" s="405"/>
      <c r="J259" s="151"/>
      <c r="K259" s="152"/>
      <c r="L259" s="147">
        <v>0</v>
      </c>
      <c r="M259" s="147">
        <v>0</v>
      </c>
      <c r="N259" s="147">
        <v>0</v>
      </c>
      <c r="O259" s="139"/>
      <c r="P259" s="139"/>
      <c r="Q259" s="139"/>
      <c r="R259" s="139"/>
      <c r="S259" s="139"/>
      <c r="T259" s="139"/>
      <c r="U259" s="139"/>
    </row>
    <row r="260" spans="1:21" s="83" customFormat="1" ht="34.5" customHeight="1" x14ac:dyDescent="0.15">
      <c r="A260" s="232"/>
      <c r="B260" s="120"/>
      <c r="C260" s="376"/>
      <c r="D260" s="376"/>
      <c r="E260" s="376"/>
      <c r="F260" s="376"/>
      <c r="G260" s="324" t="s">
        <v>148</v>
      </c>
      <c r="H260" s="326"/>
      <c r="I260" s="405"/>
      <c r="J260" s="151"/>
      <c r="K260" s="153"/>
      <c r="L260" s="148">
        <v>0</v>
      </c>
      <c r="M260" s="148">
        <v>0</v>
      </c>
      <c r="N260" s="148">
        <v>0</v>
      </c>
      <c r="O260" s="139"/>
      <c r="P260" s="139"/>
      <c r="Q260" s="139"/>
      <c r="R260" s="139"/>
      <c r="S260" s="139"/>
      <c r="T260" s="139"/>
      <c r="U260" s="139"/>
    </row>
    <row r="261" spans="1:21" s="83" customFormat="1" ht="34.5" customHeight="1" x14ac:dyDescent="0.15">
      <c r="A261" s="232"/>
      <c r="B261" s="120"/>
      <c r="C261" s="375" t="s">
        <v>152</v>
      </c>
      <c r="D261" s="376"/>
      <c r="E261" s="376"/>
      <c r="F261" s="376"/>
      <c r="G261" s="324" t="s">
        <v>146</v>
      </c>
      <c r="H261" s="326"/>
      <c r="I261" s="405"/>
      <c r="J261" s="151"/>
      <c r="K261" s="152"/>
      <c r="L261" s="147">
        <v>0</v>
      </c>
      <c r="M261" s="147">
        <v>0</v>
      </c>
      <c r="N261" s="147">
        <v>0</v>
      </c>
      <c r="O261" s="139"/>
      <c r="P261" s="139"/>
      <c r="Q261" s="139"/>
      <c r="R261" s="139"/>
      <c r="S261" s="139"/>
      <c r="T261" s="139"/>
      <c r="U261" s="139"/>
    </row>
    <row r="262" spans="1:21" s="83" customFormat="1" ht="34.5" customHeight="1" x14ac:dyDescent="0.15">
      <c r="A262" s="232"/>
      <c r="B262" s="120"/>
      <c r="C262" s="376"/>
      <c r="D262" s="376"/>
      <c r="E262" s="376"/>
      <c r="F262" s="376"/>
      <c r="G262" s="324" t="s">
        <v>148</v>
      </c>
      <c r="H262" s="326"/>
      <c r="I262" s="405"/>
      <c r="J262" s="151"/>
      <c r="K262" s="153"/>
      <c r="L262" s="148">
        <v>0</v>
      </c>
      <c r="M262" s="148">
        <v>0</v>
      </c>
      <c r="N262" s="148">
        <v>0.7</v>
      </c>
      <c r="O262" s="139"/>
      <c r="P262" s="139"/>
      <c r="Q262" s="139"/>
      <c r="R262" s="139"/>
      <c r="S262" s="139"/>
      <c r="T262" s="139"/>
      <c r="U262" s="139"/>
    </row>
    <row r="263" spans="1:21" s="83" customFormat="1" ht="34.5" customHeight="1" x14ac:dyDescent="0.15">
      <c r="A263" s="232"/>
      <c r="B263" s="120"/>
      <c r="C263" s="375" t="s">
        <v>153</v>
      </c>
      <c r="D263" s="376"/>
      <c r="E263" s="376"/>
      <c r="F263" s="376"/>
      <c r="G263" s="324" t="s">
        <v>146</v>
      </c>
      <c r="H263" s="326"/>
      <c r="I263" s="405"/>
      <c r="J263" s="151"/>
      <c r="K263" s="152"/>
      <c r="L263" s="147">
        <v>0</v>
      </c>
      <c r="M263" s="147">
        <v>0</v>
      </c>
      <c r="N263" s="147">
        <v>0</v>
      </c>
      <c r="O263" s="139"/>
      <c r="P263" s="139"/>
      <c r="Q263" s="139"/>
      <c r="R263" s="139"/>
      <c r="S263" s="139"/>
      <c r="T263" s="139"/>
      <c r="U263" s="139"/>
    </row>
    <row r="264" spans="1:21" s="83" customFormat="1" ht="34.5" customHeight="1" x14ac:dyDescent="0.15">
      <c r="A264" s="232"/>
      <c r="B264" s="84"/>
      <c r="C264" s="376"/>
      <c r="D264" s="376"/>
      <c r="E264" s="376"/>
      <c r="F264" s="376"/>
      <c r="G264" s="324" t="s">
        <v>148</v>
      </c>
      <c r="H264" s="326"/>
      <c r="I264" s="405"/>
      <c r="J264" s="151"/>
      <c r="K264" s="153"/>
      <c r="L264" s="148">
        <v>0</v>
      </c>
      <c r="M264" s="148">
        <v>0</v>
      </c>
      <c r="N264" s="148">
        <v>0</v>
      </c>
      <c r="O264" s="139"/>
      <c r="P264" s="139"/>
      <c r="Q264" s="139"/>
      <c r="R264" s="139"/>
      <c r="S264" s="139"/>
      <c r="T264" s="139"/>
      <c r="U264" s="139"/>
    </row>
    <row r="265" spans="1:21" s="83" customFormat="1" ht="34.5" customHeight="1" x14ac:dyDescent="0.15">
      <c r="A265" s="232"/>
      <c r="B265" s="84"/>
      <c r="C265" s="375" t="s">
        <v>154</v>
      </c>
      <c r="D265" s="376"/>
      <c r="E265" s="376"/>
      <c r="F265" s="376"/>
      <c r="G265" s="324" t="s">
        <v>146</v>
      </c>
      <c r="H265" s="326"/>
      <c r="I265" s="405"/>
      <c r="J265" s="151"/>
      <c r="K265" s="152"/>
      <c r="L265" s="147">
        <v>0</v>
      </c>
      <c r="M265" s="147">
        <v>0</v>
      </c>
      <c r="N265" s="147">
        <v>5</v>
      </c>
      <c r="O265" s="139"/>
      <c r="P265" s="139"/>
      <c r="Q265" s="139"/>
      <c r="R265" s="139"/>
      <c r="S265" s="139"/>
      <c r="T265" s="139"/>
      <c r="U265" s="139"/>
    </row>
    <row r="266" spans="1:21" s="83" customFormat="1" ht="34.5" customHeight="1" x14ac:dyDescent="0.15">
      <c r="A266" s="232"/>
      <c r="B266" s="84"/>
      <c r="C266" s="376"/>
      <c r="D266" s="376"/>
      <c r="E266" s="376"/>
      <c r="F266" s="376"/>
      <c r="G266" s="324" t="s">
        <v>148</v>
      </c>
      <c r="H266" s="326"/>
      <c r="I266" s="405"/>
      <c r="J266" s="151"/>
      <c r="K266" s="153"/>
      <c r="L266" s="148">
        <v>0</v>
      </c>
      <c r="M266" s="148">
        <v>0</v>
      </c>
      <c r="N266" s="148">
        <v>0</v>
      </c>
      <c r="O266" s="139"/>
      <c r="P266" s="139"/>
      <c r="Q266" s="139"/>
      <c r="R266" s="139"/>
      <c r="S266" s="139"/>
      <c r="T266" s="139"/>
      <c r="U266" s="139"/>
    </row>
    <row r="267" spans="1:21" s="83" customFormat="1" ht="34.5" customHeight="1" x14ac:dyDescent="0.15">
      <c r="A267" s="232"/>
      <c r="B267" s="84"/>
      <c r="C267" s="375" t="s">
        <v>155</v>
      </c>
      <c r="D267" s="376"/>
      <c r="E267" s="376"/>
      <c r="F267" s="376"/>
      <c r="G267" s="324" t="s">
        <v>146</v>
      </c>
      <c r="H267" s="326"/>
      <c r="I267" s="405"/>
      <c r="J267" s="151"/>
      <c r="K267" s="152"/>
      <c r="L267" s="147">
        <v>0</v>
      </c>
      <c r="M267" s="147">
        <v>0</v>
      </c>
      <c r="N267" s="147">
        <v>3</v>
      </c>
      <c r="O267" s="139"/>
      <c r="P267" s="139"/>
      <c r="Q267" s="139"/>
      <c r="R267" s="139"/>
      <c r="S267" s="139"/>
      <c r="T267" s="139"/>
      <c r="U267" s="139"/>
    </row>
    <row r="268" spans="1:21" s="83" customFormat="1" ht="34.5" customHeight="1" x14ac:dyDescent="0.15">
      <c r="A268" s="232"/>
      <c r="B268" s="84"/>
      <c r="C268" s="376"/>
      <c r="D268" s="376"/>
      <c r="E268" s="376"/>
      <c r="F268" s="376"/>
      <c r="G268" s="324" t="s">
        <v>148</v>
      </c>
      <c r="H268" s="326"/>
      <c r="I268" s="405"/>
      <c r="J268" s="151"/>
      <c r="K268" s="153"/>
      <c r="L268" s="148">
        <v>0</v>
      </c>
      <c r="M268" s="148">
        <v>0</v>
      </c>
      <c r="N268" s="148">
        <v>0</v>
      </c>
      <c r="O268" s="139"/>
      <c r="P268" s="139"/>
      <c r="Q268" s="139"/>
      <c r="R268" s="139"/>
      <c r="S268" s="139"/>
      <c r="T268" s="139"/>
      <c r="U268" s="139"/>
    </row>
    <row r="269" spans="1:21" s="83" customFormat="1" ht="34.5" customHeight="1" x14ac:dyDescent="0.15">
      <c r="A269" s="232"/>
      <c r="B269" s="84"/>
      <c r="C269" s="375" t="s">
        <v>156</v>
      </c>
      <c r="D269" s="376"/>
      <c r="E269" s="376"/>
      <c r="F269" s="376"/>
      <c r="G269" s="324" t="s">
        <v>146</v>
      </c>
      <c r="H269" s="326"/>
      <c r="I269" s="405"/>
      <c r="J269" s="151"/>
      <c r="K269" s="152"/>
      <c r="L269" s="147">
        <v>0</v>
      </c>
      <c r="M269" s="147">
        <v>0</v>
      </c>
      <c r="N269" s="147">
        <v>0</v>
      </c>
      <c r="O269" s="139"/>
      <c r="P269" s="139"/>
      <c r="Q269" s="139"/>
      <c r="R269" s="139"/>
      <c r="S269" s="139"/>
      <c r="T269" s="139"/>
      <c r="U269" s="139"/>
    </row>
    <row r="270" spans="1:21" s="83" customFormat="1" ht="34.5" customHeight="1" x14ac:dyDescent="0.15">
      <c r="A270" s="232"/>
      <c r="B270" s="84"/>
      <c r="C270" s="376"/>
      <c r="D270" s="376"/>
      <c r="E270" s="376"/>
      <c r="F270" s="376"/>
      <c r="G270" s="324" t="s">
        <v>148</v>
      </c>
      <c r="H270" s="326"/>
      <c r="I270" s="405"/>
      <c r="J270" s="151"/>
      <c r="K270" s="153"/>
      <c r="L270" s="148">
        <v>0</v>
      </c>
      <c r="M270" s="148">
        <v>0</v>
      </c>
      <c r="N270" s="148">
        <v>0</v>
      </c>
      <c r="O270" s="139"/>
      <c r="P270" s="139"/>
      <c r="Q270" s="139"/>
      <c r="R270" s="139"/>
      <c r="S270" s="139"/>
      <c r="T270" s="139"/>
      <c r="U270" s="139"/>
    </row>
    <row r="271" spans="1:21" s="83" customFormat="1" ht="34.5" customHeight="1" x14ac:dyDescent="0.15">
      <c r="A271" s="232"/>
      <c r="B271" s="84"/>
      <c r="C271" s="375" t="s">
        <v>157</v>
      </c>
      <c r="D271" s="376"/>
      <c r="E271" s="376"/>
      <c r="F271" s="376"/>
      <c r="G271" s="324" t="s">
        <v>146</v>
      </c>
      <c r="H271" s="326"/>
      <c r="I271" s="405"/>
      <c r="J271" s="151"/>
      <c r="K271" s="152"/>
      <c r="L271" s="147">
        <v>0</v>
      </c>
      <c r="M271" s="147">
        <v>0</v>
      </c>
      <c r="N271" s="147">
        <v>2</v>
      </c>
      <c r="O271" s="139"/>
      <c r="P271" s="139"/>
      <c r="Q271" s="139"/>
      <c r="R271" s="139"/>
      <c r="S271" s="139"/>
      <c r="T271" s="139"/>
      <c r="U271" s="139"/>
    </row>
    <row r="272" spans="1:21" s="83" customFormat="1" ht="34.5" customHeight="1" x14ac:dyDescent="0.15">
      <c r="A272" s="232"/>
      <c r="B272" s="84"/>
      <c r="C272" s="376"/>
      <c r="D272" s="376"/>
      <c r="E272" s="376"/>
      <c r="F272" s="376"/>
      <c r="G272" s="324" t="s">
        <v>148</v>
      </c>
      <c r="H272" s="326"/>
      <c r="I272" s="405"/>
      <c r="J272" s="151"/>
      <c r="K272" s="153"/>
      <c r="L272" s="148">
        <v>0</v>
      </c>
      <c r="M272" s="148">
        <v>0</v>
      </c>
      <c r="N272" s="148">
        <v>0</v>
      </c>
      <c r="O272" s="139"/>
      <c r="P272" s="139"/>
      <c r="Q272" s="139"/>
      <c r="R272" s="139"/>
      <c r="S272" s="139"/>
      <c r="T272" s="139"/>
      <c r="U272" s="139"/>
    </row>
    <row r="273" spans="1:22" s="83" customFormat="1" ht="34.5" customHeight="1" x14ac:dyDescent="0.15">
      <c r="A273" s="232"/>
      <c r="B273" s="84"/>
      <c r="C273" s="375" t="s">
        <v>168</v>
      </c>
      <c r="D273" s="376"/>
      <c r="E273" s="376"/>
      <c r="F273" s="376"/>
      <c r="G273" s="324" t="s">
        <v>146</v>
      </c>
      <c r="H273" s="326"/>
      <c r="I273" s="405"/>
      <c r="J273" s="151"/>
      <c r="K273" s="152"/>
      <c r="L273" s="147">
        <v>0</v>
      </c>
      <c r="M273" s="147">
        <v>0</v>
      </c>
      <c r="N273" s="147">
        <v>1</v>
      </c>
      <c r="O273" s="139"/>
      <c r="P273" s="139"/>
      <c r="Q273" s="139"/>
      <c r="R273" s="139"/>
      <c r="S273" s="139"/>
      <c r="T273" s="139"/>
      <c r="U273" s="139"/>
    </row>
    <row r="274" spans="1:22" s="83" customFormat="1" ht="34.5" customHeight="1" x14ac:dyDescent="0.15">
      <c r="A274" s="232"/>
      <c r="B274" s="84"/>
      <c r="C274" s="376"/>
      <c r="D274" s="376"/>
      <c r="E274" s="376"/>
      <c r="F274" s="376"/>
      <c r="G274" s="324" t="s">
        <v>148</v>
      </c>
      <c r="H274" s="326"/>
      <c r="I274" s="405"/>
      <c r="J274" s="151"/>
      <c r="K274" s="153"/>
      <c r="L274" s="148">
        <v>0</v>
      </c>
      <c r="M274" s="148">
        <v>0</v>
      </c>
      <c r="N274" s="148">
        <v>0</v>
      </c>
      <c r="O274" s="139"/>
      <c r="P274" s="139"/>
      <c r="Q274" s="139"/>
      <c r="R274" s="139"/>
      <c r="S274" s="139"/>
      <c r="T274" s="139"/>
      <c r="U274" s="139"/>
    </row>
    <row r="275" spans="1:22" s="83" customFormat="1" ht="34.5" customHeight="1" x14ac:dyDescent="0.15">
      <c r="A275" s="232"/>
      <c r="B275" s="84"/>
      <c r="C275" s="375" t="s">
        <v>161</v>
      </c>
      <c r="D275" s="378"/>
      <c r="E275" s="378"/>
      <c r="F275" s="378"/>
      <c r="G275" s="324" t="s">
        <v>146</v>
      </c>
      <c r="H275" s="326"/>
      <c r="I275" s="405"/>
      <c r="J275" s="151"/>
      <c r="K275" s="154"/>
      <c r="L275" s="147">
        <v>0</v>
      </c>
      <c r="M275" s="147">
        <v>0</v>
      </c>
      <c r="N275" s="147">
        <v>1</v>
      </c>
      <c r="O275" s="139"/>
      <c r="P275" s="139"/>
      <c r="Q275" s="139"/>
      <c r="R275" s="139"/>
      <c r="S275" s="139"/>
      <c r="T275" s="139"/>
      <c r="U275" s="139"/>
    </row>
    <row r="276" spans="1:22" s="83" customFormat="1" ht="34.5" customHeight="1" x14ac:dyDescent="0.15">
      <c r="A276" s="232"/>
      <c r="B276" s="84"/>
      <c r="C276" s="378"/>
      <c r="D276" s="378"/>
      <c r="E276" s="378"/>
      <c r="F276" s="378"/>
      <c r="G276" s="324" t="s">
        <v>148</v>
      </c>
      <c r="H276" s="326"/>
      <c r="I276" s="406"/>
      <c r="J276" s="155"/>
      <c r="K276" s="156"/>
      <c r="L276" s="148">
        <v>0</v>
      </c>
      <c r="M276" s="148">
        <v>0</v>
      </c>
      <c r="N276" s="148">
        <v>0</v>
      </c>
      <c r="O276" s="139"/>
      <c r="P276" s="139"/>
      <c r="Q276" s="139"/>
      <c r="R276" s="139"/>
      <c r="S276" s="139"/>
      <c r="T276" s="139"/>
      <c r="U276" s="139"/>
    </row>
    <row r="277" spans="1:22" s="91" customFormat="1" x14ac:dyDescent="0.15">
      <c r="A277" s="232"/>
      <c r="B277" s="18"/>
      <c r="C277" s="18"/>
      <c r="D277" s="18"/>
      <c r="E277" s="18"/>
      <c r="F277" s="18"/>
      <c r="G277" s="18"/>
      <c r="H277" s="14"/>
      <c r="I277" s="14"/>
      <c r="J277" s="88"/>
      <c r="K277" s="89"/>
      <c r="L277" s="90"/>
      <c r="M277" s="90"/>
      <c r="N277" s="90"/>
      <c r="O277" s="90"/>
      <c r="P277" s="90"/>
      <c r="Q277" s="90"/>
      <c r="R277" s="90"/>
      <c r="S277" s="90"/>
      <c r="T277" s="90"/>
      <c r="U277" s="90"/>
      <c r="V277" s="90"/>
    </row>
    <row r="278" spans="1:22" s="83" customFormat="1" x14ac:dyDescent="0.15">
      <c r="A278" s="232"/>
      <c r="B278" s="84"/>
      <c r="C278" s="62"/>
      <c r="D278" s="62"/>
      <c r="E278" s="62"/>
      <c r="F278" s="62"/>
      <c r="G278" s="62"/>
      <c r="H278" s="92"/>
      <c r="I278" s="92"/>
      <c r="J278" s="88"/>
      <c r="K278" s="89"/>
      <c r="L278" s="90"/>
      <c r="M278" s="90"/>
      <c r="N278" s="90"/>
      <c r="O278" s="90"/>
      <c r="P278" s="90"/>
      <c r="Q278" s="90"/>
      <c r="R278" s="90"/>
      <c r="S278" s="90"/>
      <c r="T278" s="90"/>
      <c r="U278" s="90"/>
      <c r="V278" s="90"/>
    </row>
    <row r="279" spans="1:22" s="91" customFormat="1" x14ac:dyDescent="0.15">
      <c r="A279" s="232"/>
      <c r="B279" s="84"/>
      <c r="C279" s="3"/>
      <c r="D279" s="3"/>
      <c r="E279" s="3"/>
      <c r="F279" s="3"/>
      <c r="G279" s="3"/>
      <c r="H279" s="206"/>
      <c r="I279" s="206"/>
      <c r="J279" s="108"/>
      <c r="K279" s="31"/>
      <c r="L279" s="108"/>
      <c r="M279" s="108"/>
      <c r="N279" s="108"/>
      <c r="O279" s="108"/>
      <c r="P279" s="108"/>
      <c r="Q279" s="108"/>
      <c r="R279" s="108"/>
      <c r="S279" s="108"/>
      <c r="T279" s="108"/>
      <c r="U279" s="108"/>
      <c r="V279" s="108"/>
    </row>
    <row r="280" spans="1:22" s="91" customFormat="1" x14ac:dyDescent="0.15">
      <c r="A280" s="232"/>
      <c r="B280" s="18" t="s">
        <v>169</v>
      </c>
      <c r="C280" s="18"/>
      <c r="D280" s="18"/>
      <c r="E280" s="18"/>
      <c r="F280" s="18"/>
      <c r="G280" s="18"/>
      <c r="H280" s="14"/>
      <c r="I280" s="14"/>
      <c r="J280" s="108"/>
      <c r="K280" s="31"/>
      <c r="L280" s="108"/>
      <c r="M280" s="108"/>
      <c r="N280" s="108"/>
      <c r="O280" s="108"/>
      <c r="P280" s="108"/>
      <c r="Q280" s="108"/>
      <c r="R280" s="108"/>
      <c r="S280" s="108"/>
      <c r="T280" s="108"/>
      <c r="U280" s="108"/>
      <c r="V280" s="108"/>
    </row>
    <row r="281" spans="1:22" x14ac:dyDescent="0.15">
      <c r="A281" s="232"/>
      <c r="B281" s="18"/>
      <c r="C281" s="18"/>
      <c r="D281" s="18"/>
      <c r="E281" s="18"/>
      <c r="F281" s="18"/>
      <c r="G281" s="18"/>
      <c r="H281" s="14"/>
      <c r="I281" s="14"/>
      <c r="L281" s="76"/>
      <c r="M281" s="76"/>
      <c r="N281" s="76"/>
      <c r="O281" s="76"/>
      <c r="P281" s="76"/>
      <c r="Q281" s="76"/>
      <c r="R281" s="76"/>
      <c r="S281" s="76"/>
      <c r="T281" s="76"/>
      <c r="U281" s="76"/>
      <c r="V281" s="76"/>
    </row>
    <row r="282" spans="1:22" ht="34.5" customHeight="1" x14ac:dyDescent="0.15">
      <c r="A282" s="232"/>
      <c r="B282" s="18"/>
      <c r="C282" s="3"/>
      <c r="D282" s="3"/>
      <c r="F282" s="3"/>
      <c r="G282" s="3"/>
      <c r="H282" s="206"/>
      <c r="I282" s="206"/>
      <c r="J282" s="77" t="s">
        <v>35</v>
      </c>
      <c r="K282" s="78"/>
      <c r="L282" s="66" t="s">
        <v>525</v>
      </c>
      <c r="M282" s="66" t="s">
        <v>527</v>
      </c>
      <c r="N282" s="66" t="s">
        <v>528</v>
      </c>
      <c r="O282" s="66" t="s">
        <v>529</v>
      </c>
      <c r="P282" s="66" t="s">
        <v>530</v>
      </c>
      <c r="Q282" s="66" t="s">
        <v>531</v>
      </c>
      <c r="R282" s="8"/>
      <c r="S282" s="8"/>
      <c r="T282" s="8"/>
      <c r="U282" s="8"/>
      <c r="V282" s="8"/>
    </row>
    <row r="283" spans="1:22" ht="20.25" customHeight="1" x14ac:dyDescent="0.15">
      <c r="A283" s="232"/>
      <c r="B283" s="1"/>
      <c r="C283" s="62"/>
      <c r="D283" s="3"/>
      <c r="F283" s="3"/>
      <c r="G283" s="3"/>
      <c r="H283" s="206"/>
      <c r="I283" s="67" t="s">
        <v>163</v>
      </c>
      <c r="J283" s="68"/>
      <c r="K283" s="79"/>
      <c r="L283" s="137" t="s">
        <v>526</v>
      </c>
      <c r="M283" s="137" t="s">
        <v>526</v>
      </c>
      <c r="N283" s="137" t="s">
        <v>526</v>
      </c>
      <c r="O283" s="137" t="s">
        <v>526</v>
      </c>
      <c r="P283" s="137" t="s">
        <v>526</v>
      </c>
      <c r="Q283" s="137" t="s">
        <v>526</v>
      </c>
      <c r="R283" s="8"/>
      <c r="S283" s="8"/>
      <c r="T283" s="8"/>
      <c r="U283" s="8"/>
      <c r="V283" s="8"/>
    </row>
    <row r="284" spans="1:22" s="83" customFormat="1" ht="34.5" customHeight="1" x14ac:dyDescent="0.15">
      <c r="A284" s="232"/>
      <c r="B284" s="1"/>
      <c r="C284" s="324" t="s">
        <v>170</v>
      </c>
      <c r="D284" s="325"/>
      <c r="E284" s="325"/>
      <c r="F284" s="325"/>
      <c r="G284" s="325"/>
      <c r="H284" s="326"/>
      <c r="I284" s="349" t="s">
        <v>171</v>
      </c>
      <c r="J284" s="71" t="s">
        <v>538</v>
      </c>
      <c r="K284" s="81"/>
      <c r="L284" s="157"/>
      <c r="M284" s="157"/>
      <c r="N284" s="157"/>
      <c r="O284" s="157"/>
      <c r="P284" s="157"/>
      <c r="Q284" s="158"/>
    </row>
    <row r="285" spans="1:22" s="83" customFormat="1" ht="34.5" customHeight="1" x14ac:dyDescent="0.15">
      <c r="A285" s="232"/>
      <c r="B285" s="159"/>
      <c r="C285" s="394" t="s">
        <v>172</v>
      </c>
      <c r="D285" s="394"/>
      <c r="E285" s="394"/>
      <c r="F285" s="361"/>
      <c r="G285" s="375" t="s">
        <v>145</v>
      </c>
      <c r="H285" s="160" t="s">
        <v>173</v>
      </c>
      <c r="I285" s="358"/>
      <c r="J285" s="140" t="s">
        <v>533</v>
      </c>
      <c r="K285" s="81"/>
      <c r="L285" s="161"/>
      <c r="M285" s="161"/>
      <c r="N285" s="161"/>
      <c r="O285" s="161"/>
      <c r="P285" s="161"/>
      <c r="Q285" s="162"/>
    </row>
    <row r="286" spans="1:22" s="83" customFormat="1" ht="34.5" customHeight="1" x14ac:dyDescent="0.15">
      <c r="A286" s="232"/>
      <c r="B286" s="159"/>
      <c r="C286" s="375"/>
      <c r="D286" s="375"/>
      <c r="E286" s="375"/>
      <c r="F286" s="376"/>
      <c r="G286" s="375"/>
      <c r="H286" s="160" t="s">
        <v>174</v>
      </c>
      <c r="I286" s="358"/>
      <c r="J286" s="143" t="s">
        <v>533</v>
      </c>
      <c r="K286" s="81"/>
      <c r="L286" s="161"/>
      <c r="M286" s="161"/>
      <c r="N286" s="161"/>
      <c r="O286" s="161"/>
      <c r="P286" s="161"/>
      <c r="Q286" s="162"/>
    </row>
    <row r="287" spans="1:22" s="83" customFormat="1" ht="34.5" customHeight="1" x14ac:dyDescent="0.15">
      <c r="A287" s="232"/>
      <c r="B287" s="159"/>
      <c r="C287" s="375"/>
      <c r="D287" s="375"/>
      <c r="E287" s="375"/>
      <c r="F287" s="376"/>
      <c r="G287" s="375" t="s">
        <v>175</v>
      </c>
      <c r="H287" s="160" t="s">
        <v>173</v>
      </c>
      <c r="I287" s="358"/>
      <c r="J287" s="140" t="s">
        <v>533</v>
      </c>
      <c r="K287" s="81"/>
      <c r="L287" s="161"/>
      <c r="M287" s="161"/>
      <c r="N287" s="161"/>
      <c r="O287" s="161"/>
      <c r="P287" s="161"/>
      <c r="Q287" s="162"/>
    </row>
    <row r="288" spans="1:22" s="83" customFormat="1" ht="34.5" customHeight="1" x14ac:dyDescent="0.15">
      <c r="A288" s="232"/>
      <c r="B288" s="159"/>
      <c r="C288" s="375"/>
      <c r="D288" s="375"/>
      <c r="E288" s="375"/>
      <c r="F288" s="376"/>
      <c r="G288" s="376"/>
      <c r="H288" s="160" t="s">
        <v>174</v>
      </c>
      <c r="I288" s="358"/>
      <c r="J288" s="143" t="s">
        <v>533</v>
      </c>
      <c r="K288" s="81"/>
      <c r="L288" s="161"/>
      <c r="M288" s="161"/>
      <c r="N288" s="161"/>
      <c r="O288" s="161"/>
      <c r="P288" s="161"/>
      <c r="Q288" s="162"/>
    </row>
    <row r="289" spans="1:22" s="83" customFormat="1" ht="34.5" customHeight="1" x14ac:dyDescent="0.15">
      <c r="A289" s="232"/>
      <c r="B289" s="159"/>
      <c r="C289" s="375"/>
      <c r="D289" s="375"/>
      <c r="E289" s="375"/>
      <c r="F289" s="376"/>
      <c r="G289" s="375" t="s">
        <v>176</v>
      </c>
      <c r="H289" s="160" t="s">
        <v>173</v>
      </c>
      <c r="I289" s="358"/>
      <c r="J289" s="140" t="s">
        <v>533</v>
      </c>
      <c r="K289" s="81"/>
      <c r="L289" s="161"/>
      <c r="M289" s="161"/>
      <c r="N289" s="161"/>
      <c r="O289" s="161"/>
      <c r="P289" s="161"/>
      <c r="Q289" s="162"/>
    </row>
    <row r="290" spans="1:22" s="83" customFormat="1" ht="34.5" customHeight="1" x14ac:dyDescent="0.15">
      <c r="A290" s="232"/>
      <c r="B290" s="159"/>
      <c r="C290" s="375"/>
      <c r="D290" s="375"/>
      <c r="E290" s="375"/>
      <c r="F290" s="376"/>
      <c r="G290" s="376"/>
      <c r="H290" s="160" t="s">
        <v>174</v>
      </c>
      <c r="I290" s="358"/>
      <c r="J290" s="143" t="s">
        <v>533</v>
      </c>
      <c r="K290" s="81"/>
      <c r="L290" s="161"/>
      <c r="M290" s="161"/>
      <c r="N290" s="161"/>
      <c r="O290" s="161"/>
      <c r="P290" s="161"/>
      <c r="Q290" s="162"/>
    </row>
    <row r="291" spans="1:22" s="83" customFormat="1" ht="34.5" customHeight="1" x14ac:dyDescent="0.15">
      <c r="A291" s="232"/>
      <c r="B291" s="159"/>
      <c r="C291" s="375"/>
      <c r="D291" s="375"/>
      <c r="E291" s="375"/>
      <c r="F291" s="376"/>
      <c r="G291" s="377" t="s">
        <v>177</v>
      </c>
      <c r="H291" s="160" t="s">
        <v>173</v>
      </c>
      <c r="I291" s="358"/>
      <c r="J291" s="140" t="s">
        <v>533</v>
      </c>
      <c r="K291" s="81"/>
      <c r="L291" s="161"/>
      <c r="M291" s="161"/>
      <c r="N291" s="161"/>
      <c r="O291" s="161"/>
      <c r="P291" s="161"/>
      <c r="Q291" s="162"/>
    </row>
    <row r="292" spans="1:22" s="83" customFormat="1" ht="34.5" customHeight="1" x14ac:dyDescent="0.15">
      <c r="A292" s="232"/>
      <c r="B292" s="159"/>
      <c r="C292" s="375"/>
      <c r="D292" s="375"/>
      <c r="E292" s="375"/>
      <c r="F292" s="376"/>
      <c r="G292" s="376"/>
      <c r="H292" s="160" t="s">
        <v>174</v>
      </c>
      <c r="I292" s="358"/>
      <c r="J292" s="143" t="s">
        <v>533</v>
      </c>
      <c r="K292" s="81"/>
      <c r="L292" s="161"/>
      <c r="M292" s="161"/>
      <c r="N292" s="161"/>
      <c r="O292" s="161"/>
      <c r="P292" s="161"/>
      <c r="Q292" s="162"/>
    </row>
    <row r="293" spans="1:22" s="83" customFormat="1" ht="34.5" customHeight="1" x14ac:dyDescent="0.15">
      <c r="A293" s="232"/>
      <c r="B293" s="159"/>
      <c r="C293" s="375"/>
      <c r="D293" s="375"/>
      <c r="E293" s="375"/>
      <c r="F293" s="376"/>
      <c r="G293" s="375" t="s">
        <v>178</v>
      </c>
      <c r="H293" s="160" t="s">
        <v>173</v>
      </c>
      <c r="I293" s="358"/>
      <c r="J293" s="140" t="s">
        <v>533</v>
      </c>
      <c r="K293" s="81"/>
      <c r="L293" s="161"/>
      <c r="M293" s="161"/>
      <c r="N293" s="161"/>
      <c r="O293" s="161"/>
      <c r="P293" s="161"/>
      <c r="Q293" s="162"/>
    </row>
    <row r="294" spans="1:22" s="83" customFormat="1" ht="34.5" customHeight="1" x14ac:dyDescent="0.15">
      <c r="A294" s="232"/>
      <c r="B294" s="159"/>
      <c r="C294" s="375"/>
      <c r="D294" s="375"/>
      <c r="E294" s="375"/>
      <c r="F294" s="376"/>
      <c r="G294" s="376"/>
      <c r="H294" s="160" t="s">
        <v>174</v>
      </c>
      <c r="I294" s="358"/>
      <c r="J294" s="143" t="s">
        <v>533</v>
      </c>
      <c r="K294" s="81"/>
      <c r="L294" s="161"/>
      <c r="M294" s="161"/>
      <c r="N294" s="161"/>
      <c r="O294" s="161"/>
      <c r="P294" s="161"/>
      <c r="Q294" s="162"/>
    </row>
    <row r="295" spans="1:22" s="83" customFormat="1" ht="34.5" customHeight="1" x14ac:dyDescent="0.15">
      <c r="A295" s="232"/>
      <c r="B295" s="159"/>
      <c r="C295" s="375"/>
      <c r="D295" s="375"/>
      <c r="E295" s="375"/>
      <c r="F295" s="376"/>
      <c r="G295" s="375" t="s">
        <v>166</v>
      </c>
      <c r="H295" s="160" t="s">
        <v>173</v>
      </c>
      <c r="I295" s="358"/>
      <c r="J295" s="140" t="s">
        <v>533</v>
      </c>
      <c r="K295" s="81"/>
      <c r="L295" s="161"/>
      <c r="M295" s="161"/>
      <c r="N295" s="161"/>
      <c r="O295" s="161"/>
      <c r="P295" s="161"/>
      <c r="Q295" s="162"/>
    </row>
    <row r="296" spans="1:22" s="83" customFormat="1" ht="34.5" customHeight="1" x14ac:dyDescent="0.15">
      <c r="A296" s="232"/>
      <c r="B296" s="159"/>
      <c r="C296" s="375"/>
      <c r="D296" s="375"/>
      <c r="E296" s="375"/>
      <c r="F296" s="376"/>
      <c r="G296" s="376"/>
      <c r="H296" s="160" t="s">
        <v>174</v>
      </c>
      <c r="I296" s="350"/>
      <c r="J296" s="143" t="s">
        <v>533</v>
      </c>
      <c r="K296" s="81"/>
      <c r="L296" s="163"/>
      <c r="M296" s="163"/>
      <c r="N296" s="163"/>
      <c r="O296" s="163"/>
      <c r="P296" s="163"/>
      <c r="Q296" s="164"/>
    </row>
    <row r="297" spans="1:22" s="91" customFormat="1" x14ac:dyDescent="0.15">
      <c r="A297" s="232"/>
      <c r="B297" s="18"/>
      <c r="C297" s="18"/>
      <c r="D297" s="18"/>
      <c r="E297" s="18"/>
      <c r="F297" s="18"/>
      <c r="G297" s="18"/>
      <c r="H297" s="14"/>
      <c r="I297" s="14"/>
      <c r="J297" s="88"/>
      <c r="K297" s="89"/>
      <c r="L297" s="108"/>
      <c r="M297" s="108"/>
      <c r="N297" s="108"/>
      <c r="O297" s="108"/>
      <c r="P297" s="108"/>
      <c r="Q297" s="108"/>
    </row>
    <row r="298" spans="1:22" s="83" customFormat="1" x14ac:dyDescent="0.15">
      <c r="A298" s="232"/>
      <c r="B298" s="84"/>
      <c r="C298" s="62"/>
      <c r="D298" s="62"/>
      <c r="E298" s="62"/>
      <c r="F298" s="62"/>
      <c r="G298" s="62"/>
      <c r="H298" s="92"/>
      <c r="I298" s="92"/>
      <c r="J298" s="88"/>
      <c r="K298" s="89"/>
      <c r="L298" s="90"/>
      <c r="M298" s="90"/>
      <c r="N298" s="90"/>
      <c r="O298" s="90"/>
      <c r="P298" s="90"/>
      <c r="Q298" s="90"/>
    </row>
    <row r="299" spans="1:22" s="91" customFormat="1" x14ac:dyDescent="0.15">
      <c r="A299" s="232"/>
      <c r="B299" s="159"/>
      <c r="C299" s="165"/>
      <c r="D299" s="165"/>
      <c r="E299" s="3"/>
      <c r="F299" s="3"/>
      <c r="G299" s="3"/>
      <c r="H299" s="206"/>
      <c r="I299" s="206"/>
      <c r="J299" s="61"/>
      <c r="K299" s="31"/>
      <c r="L299" s="108"/>
      <c r="M299" s="108"/>
      <c r="N299" s="108"/>
      <c r="O299" s="108"/>
      <c r="P299" s="108"/>
      <c r="Q299" s="108"/>
    </row>
    <row r="300" spans="1:22" s="91" customFormat="1" x14ac:dyDescent="0.15">
      <c r="A300" s="232"/>
      <c r="B300" s="18" t="s">
        <v>179</v>
      </c>
      <c r="C300" s="18"/>
      <c r="D300" s="18"/>
      <c r="E300" s="18"/>
      <c r="F300" s="18"/>
      <c r="G300" s="18"/>
      <c r="H300" s="14"/>
      <c r="I300" s="14"/>
      <c r="J300" s="108"/>
      <c r="K300" s="31"/>
      <c r="L300" s="108"/>
      <c r="M300" s="108"/>
      <c r="N300" s="108"/>
      <c r="O300" s="108"/>
      <c r="P300" s="108"/>
      <c r="Q300" s="108"/>
    </row>
    <row r="301" spans="1:22" x14ac:dyDescent="0.15">
      <c r="A301" s="232"/>
      <c r="B301" s="18"/>
      <c r="C301" s="18"/>
      <c r="D301" s="18"/>
      <c r="E301" s="18"/>
      <c r="F301" s="18"/>
      <c r="G301" s="18"/>
      <c r="H301" s="14"/>
      <c r="I301" s="14"/>
      <c r="L301" s="76"/>
      <c r="M301" s="76"/>
      <c r="N301" s="76"/>
      <c r="O301" s="76"/>
      <c r="P301" s="76"/>
      <c r="Q301" s="76"/>
      <c r="R301" s="8"/>
      <c r="S301" s="8"/>
      <c r="T301" s="8"/>
      <c r="U301" s="8"/>
      <c r="V301" s="8"/>
    </row>
    <row r="302" spans="1:22" ht="34.5" customHeight="1" x14ac:dyDescent="0.15">
      <c r="A302" s="232"/>
      <c r="B302" s="18"/>
      <c r="C302" s="3"/>
      <c r="D302" s="3"/>
      <c r="F302" s="3"/>
      <c r="G302" s="3"/>
      <c r="H302" s="206"/>
      <c r="I302" s="206"/>
      <c r="J302" s="77" t="s">
        <v>35</v>
      </c>
      <c r="K302" s="78"/>
      <c r="L302" s="66" t="s">
        <v>525</v>
      </c>
      <c r="M302" s="66" t="s">
        <v>527</v>
      </c>
      <c r="N302" s="66" t="s">
        <v>528</v>
      </c>
      <c r="O302" s="66" t="s">
        <v>529</v>
      </c>
      <c r="P302" s="66" t="s">
        <v>530</v>
      </c>
      <c r="Q302" s="66" t="s">
        <v>531</v>
      </c>
      <c r="R302" s="8"/>
      <c r="S302" s="8"/>
      <c r="T302" s="8"/>
      <c r="U302" s="8"/>
      <c r="V302" s="8"/>
    </row>
    <row r="303" spans="1:22" ht="20.25" customHeight="1" x14ac:dyDescent="0.15">
      <c r="A303" s="232"/>
      <c r="B303" s="1"/>
      <c r="C303" s="62"/>
      <c r="D303" s="3"/>
      <c r="F303" s="3"/>
      <c r="G303" s="3"/>
      <c r="H303" s="206"/>
      <c r="I303" s="67" t="s">
        <v>163</v>
      </c>
      <c r="J303" s="68"/>
      <c r="K303" s="79"/>
      <c r="L303" s="137" t="s">
        <v>526</v>
      </c>
      <c r="M303" s="137" t="s">
        <v>526</v>
      </c>
      <c r="N303" s="137" t="s">
        <v>526</v>
      </c>
      <c r="O303" s="137" t="s">
        <v>526</v>
      </c>
      <c r="P303" s="137" t="s">
        <v>526</v>
      </c>
      <c r="Q303" s="137" t="s">
        <v>526</v>
      </c>
      <c r="R303" s="8"/>
      <c r="S303" s="8"/>
      <c r="T303" s="8"/>
      <c r="U303" s="8"/>
      <c r="V303" s="8"/>
    </row>
    <row r="304" spans="1:22" s="83" customFormat="1" ht="34.5" customHeight="1" x14ac:dyDescent="0.15">
      <c r="A304" s="232"/>
      <c r="B304" s="1"/>
      <c r="C304" s="343" t="s">
        <v>180</v>
      </c>
      <c r="D304" s="345"/>
      <c r="E304" s="402" t="s">
        <v>181</v>
      </c>
      <c r="F304" s="403"/>
      <c r="G304" s="324" t="s">
        <v>182</v>
      </c>
      <c r="H304" s="326"/>
      <c r="I304" s="349" t="s">
        <v>183</v>
      </c>
      <c r="J304" s="166">
        <v>0</v>
      </c>
      <c r="K304" s="81"/>
      <c r="L304" s="157"/>
      <c r="M304" s="157"/>
      <c r="N304" s="157"/>
      <c r="O304" s="157"/>
      <c r="P304" s="157"/>
      <c r="Q304" s="158"/>
    </row>
    <row r="305" spans="1:17" s="83" customFormat="1" ht="34.5" customHeight="1" x14ac:dyDescent="0.15">
      <c r="A305" s="232"/>
      <c r="B305" s="159"/>
      <c r="C305" s="400"/>
      <c r="D305" s="401"/>
      <c r="E305" s="403"/>
      <c r="F305" s="403"/>
      <c r="G305" s="324" t="s">
        <v>184</v>
      </c>
      <c r="H305" s="326"/>
      <c r="I305" s="358"/>
      <c r="J305" s="166">
        <v>0</v>
      </c>
      <c r="K305" s="81"/>
      <c r="L305" s="161"/>
      <c r="M305" s="161"/>
      <c r="N305" s="161"/>
      <c r="O305" s="161"/>
      <c r="P305" s="161"/>
      <c r="Q305" s="162"/>
    </row>
    <row r="306" spans="1:17" s="83" customFormat="1" ht="34.5" customHeight="1" x14ac:dyDescent="0.15">
      <c r="A306" s="232"/>
      <c r="B306" s="159"/>
      <c r="C306" s="400"/>
      <c r="D306" s="401"/>
      <c r="E306" s="403"/>
      <c r="F306" s="403"/>
      <c r="G306" s="324" t="s">
        <v>185</v>
      </c>
      <c r="H306" s="326"/>
      <c r="I306" s="358"/>
      <c r="J306" s="166">
        <v>0</v>
      </c>
      <c r="K306" s="81"/>
      <c r="L306" s="161"/>
      <c r="M306" s="161"/>
      <c r="N306" s="161"/>
      <c r="O306" s="161"/>
      <c r="P306" s="161"/>
      <c r="Q306" s="162"/>
    </row>
    <row r="307" spans="1:17" s="83" customFormat="1" ht="34.5" customHeight="1" x14ac:dyDescent="0.15">
      <c r="A307" s="232"/>
      <c r="B307" s="159"/>
      <c r="C307" s="381"/>
      <c r="D307" s="383"/>
      <c r="E307" s="324" t="s">
        <v>166</v>
      </c>
      <c r="F307" s="325"/>
      <c r="G307" s="325"/>
      <c r="H307" s="326"/>
      <c r="I307" s="350"/>
      <c r="J307" s="166">
        <v>0</v>
      </c>
      <c r="K307" s="81"/>
      <c r="L307" s="161"/>
      <c r="M307" s="161"/>
      <c r="N307" s="161"/>
      <c r="O307" s="161"/>
      <c r="P307" s="161"/>
      <c r="Q307" s="162"/>
    </row>
    <row r="308" spans="1:17" s="83" customFormat="1" ht="34.5" customHeight="1" x14ac:dyDescent="0.15">
      <c r="A308" s="232"/>
      <c r="B308" s="159"/>
      <c r="C308" s="343" t="s">
        <v>186</v>
      </c>
      <c r="D308" s="395"/>
      <c r="E308" s="324" t="s">
        <v>187</v>
      </c>
      <c r="F308" s="325"/>
      <c r="G308" s="325"/>
      <c r="H308" s="326"/>
      <c r="I308" s="349" t="s">
        <v>188</v>
      </c>
      <c r="J308" s="166">
        <v>0</v>
      </c>
      <c r="K308" s="81"/>
      <c r="L308" s="161"/>
      <c r="M308" s="161"/>
      <c r="N308" s="161"/>
      <c r="O308" s="161"/>
      <c r="P308" s="161"/>
      <c r="Q308" s="162"/>
    </row>
    <row r="309" spans="1:17" s="83" customFormat="1" ht="34.5" customHeight="1" x14ac:dyDescent="0.15">
      <c r="A309" s="232"/>
      <c r="B309" s="159"/>
      <c r="C309" s="396"/>
      <c r="D309" s="397"/>
      <c r="E309" s="324" t="s">
        <v>189</v>
      </c>
      <c r="F309" s="325"/>
      <c r="G309" s="325"/>
      <c r="H309" s="326"/>
      <c r="I309" s="358"/>
      <c r="J309" s="166">
        <v>0</v>
      </c>
      <c r="K309" s="81"/>
      <c r="L309" s="161"/>
      <c r="M309" s="161"/>
      <c r="N309" s="161"/>
      <c r="O309" s="161"/>
      <c r="P309" s="161"/>
      <c r="Q309" s="162"/>
    </row>
    <row r="310" spans="1:17" s="83" customFormat="1" ht="34.5" customHeight="1" x14ac:dyDescent="0.15">
      <c r="A310" s="232"/>
      <c r="B310" s="159"/>
      <c r="C310" s="398"/>
      <c r="D310" s="399"/>
      <c r="E310" s="324" t="s">
        <v>190</v>
      </c>
      <c r="F310" s="325"/>
      <c r="G310" s="325"/>
      <c r="H310" s="326"/>
      <c r="I310" s="350"/>
      <c r="J310" s="166">
        <v>0</v>
      </c>
      <c r="K310" s="81"/>
      <c r="L310" s="161"/>
      <c r="M310" s="161"/>
      <c r="N310" s="161"/>
      <c r="O310" s="161"/>
      <c r="P310" s="161"/>
      <c r="Q310" s="162"/>
    </row>
    <row r="311" spans="1:17" s="83" customFormat="1" ht="42.75" x14ac:dyDescent="0.15">
      <c r="A311" s="232"/>
      <c r="B311" s="159"/>
      <c r="C311" s="343" t="s">
        <v>166</v>
      </c>
      <c r="D311" s="395"/>
      <c r="E311" s="324" t="s">
        <v>191</v>
      </c>
      <c r="F311" s="325"/>
      <c r="G311" s="325"/>
      <c r="H311" s="326"/>
      <c r="I311" s="122" t="s">
        <v>192</v>
      </c>
      <c r="J311" s="166">
        <v>0</v>
      </c>
      <c r="K311" s="81"/>
      <c r="L311" s="161"/>
      <c r="M311" s="161"/>
      <c r="N311" s="161"/>
      <c r="O311" s="161"/>
      <c r="P311" s="161"/>
      <c r="Q311" s="162"/>
    </row>
    <row r="312" spans="1:17" s="83" customFormat="1" ht="34.5" customHeight="1" x14ac:dyDescent="0.15">
      <c r="A312" s="232"/>
      <c r="B312" s="159"/>
      <c r="C312" s="396"/>
      <c r="D312" s="397"/>
      <c r="E312" s="324" t="s">
        <v>193</v>
      </c>
      <c r="F312" s="325"/>
      <c r="G312" s="325"/>
      <c r="H312" s="326"/>
      <c r="I312" s="335" t="s">
        <v>194</v>
      </c>
      <c r="J312" s="166">
        <v>0</v>
      </c>
      <c r="K312" s="81"/>
      <c r="L312" s="161"/>
      <c r="M312" s="161"/>
      <c r="N312" s="161"/>
      <c r="O312" s="161"/>
      <c r="P312" s="161"/>
      <c r="Q312" s="162"/>
    </row>
    <row r="313" spans="1:17" s="83" customFormat="1" ht="34.5" customHeight="1" x14ac:dyDescent="0.15">
      <c r="A313" s="232"/>
      <c r="B313" s="159"/>
      <c r="C313" s="396"/>
      <c r="D313" s="397"/>
      <c r="E313" s="324" t="s">
        <v>195</v>
      </c>
      <c r="F313" s="325"/>
      <c r="G313" s="325"/>
      <c r="H313" s="326"/>
      <c r="I313" s="353"/>
      <c r="J313" s="166">
        <v>0</v>
      </c>
      <c r="K313" s="81"/>
      <c r="L313" s="161"/>
      <c r="M313" s="161"/>
      <c r="N313" s="161"/>
      <c r="O313" s="161"/>
      <c r="P313" s="161"/>
      <c r="Q313" s="162"/>
    </row>
    <row r="314" spans="1:17" s="83" customFormat="1" ht="42.75" x14ac:dyDescent="0.15">
      <c r="A314" s="232"/>
      <c r="B314" s="159"/>
      <c r="C314" s="396"/>
      <c r="D314" s="397"/>
      <c r="E314" s="324" t="s">
        <v>196</v>
      </c>
      <c r="F314" s="325"/>
      <c r="G314" s="325"/>
      <c r="H314" s="326"/>
      <c r="I314" s="122" t="s">
        <v>197</v>
      </c>
      <c r="J314" s="166">
        <v>0</v>
      </c>
      <c r="K314" s="81"/>
      <c r="L314" s="161"/>
      <c r="M314" s="161"/>
      <c r="N314" s="161"/>
      <c r="O314" s="161"/>
      <c r="P314" s="161"/>
      <c r="Q314" s="162"/>
    </row>
    <row r="315" spans="1:17" s="83" customFormat="1" ht="42.75" x14ac:dyDescent="0.15">
      <c r="A315" s="232"/>
      <c r="B315" s="159"/>
      <c r="C315" s="396"/>
      <c r="D315" s="397"/>
      <c r="E315" s="324" t="s">
        <v>198</v>
      </c>
      <c r="F315" s="325"/>
      <c r="G315" s="325"/>
      <c r="H315" s="326"/>
      <c r="I315" s="122" t="s">
        <v>199</v>
      </c>
      <c r="J315" s="166">
        <v>0</v>
      </c>
      <c r="K315" s="81"/>
      <c r="L315" s="161"/>
      <c r="M315" s="161"/>
      <c r="N315" s="161"/>
      <c r="O315" s="161"/>
      <c r="P315" s="161"/>
      <c r="Q315" s="162"/>
    </row>
    <row r="316" spans="1:17" s="83" customFormat="1" ht="42.75" x14ac:dyDescent="0.15">
      <c r="A316" s="232"/>
      <c r="B316" s="159"/>
      <c r="C316" s="396"/>
      <c r="D316" s="397"/>
      <c r="E316" s="324" t="s">
        <v>200</v>
      </c>
      <c r="F316" s="325"/>
      <c r="G316" s="325"/>
      <c r="H316" s="326"/>
      <c r="I316" s="122" t="s">
        <v>201</v>
      </c>
      <c r="J316" s="166">
        <v>0</v>
      </c>
      <c r="K316" s="81"/>
      <c r="L316" s="161"/>
      <c r="M316" s="161"/>
      <c r="N316" s="161"/>
      <c r="O316" s="161"/>
      <c r="P316" s="161"/>
      <c r="Q316" s="162"/>
    </row>
    <row r="317" spans="1:17" s="83" customFormat="1" ht="42.75" x14ac:dyDescent="0.15">
      <c r="A317" s="232"/>
      <c r="B317" s="159"/>
      <c r="C317" s="396"/>
      <c r="D317" s="397"/>
      <c r="E317" s="324" t="s">
        <v>202</v>
      </c>
      <c r="F317" s="325"/>
      <c r="G317" s="325"/>
      <c r="H317" s="326"/>
      <c r="I317" s="122" t="s">
        <v>203</v>
      </c>
      <c r="J317" s="166">
        <v>0</v>
      </c>
      <c r="K317" s="81"/>
      <c r="L317" s="161"/>
      <c r="M317" s="161"/>
      <c r="N317" s="161"/>
      <c r="O317" s="161"/>
      <c r="P317" s="161"/>
      <c r="Q317" s="162"/>
    </row>
    <row r="318" spans="1:17" s="83" customFormat="1" ht="42.75" x14ac:dyDescent="0.15">
      <c r="A318" s="232"/>
      <c r="B318" s="159"/>
      <c r="C318" s="396"/>
      <c r="D318" s="397"/>
      <c r="E318" s="324" t="s">
        <v>204</v>
      </c>
      <c r="F318" s="325"/>
      <c r="G318" s="325"/>
      <c r="H318" s="326"/>
      <c r="I318" s="122" t="s">
        <v>205</v>
      </c>
      <c r="J318" s="166">
        <v>0</v>
      </c>
      <c r="K318" s="81"/>
      <c r="L318" s="161"/>
      <c r="M318" s="161"/>
      <c r="N318" s="161"/>
      <c r="O318" s="161"/>
      <c r="P318" s="161"/>
      <c r="Q318" s="162"/>
    </row>
    <row r="319" spans="1:17" s="83" customFormat="1" ht="42.75" x14ac:dyDescent="0.15">
      <c r="A319" s="232"/>
      <c r="B319" s="159"/>
      <c r="C319" s="396"/>
      <c r="D319" s="397"/>
      <c r="E319" s="324" t="s">
        <v>206</v>
      </c>
      <c r="F319" s="325"/>
      <c r="G319" s="325"/>
      <c r="H319" s="326"/>
      <c r="I319" s="122" t="s">
        <v>207</v>
      </c>
      <c r="J319" s="166">
        <v>0</v>
      </c>
      <c r="K319" s="81"/>
      <c r="L319" s="161"/>
      <c r="M319" s="161"/>
      <c r="N319" s="161"/>
      <c r="O319" s="161"/>
      <c r="P319" s="161"/>
      <c r="Q319" s="162"/>
    </row>
    <row r="320" spans="1:17" s="83" customFormat="1" ht="57" x14ac:dyDescent="0.15">
      <c r="A320" s="232"/>
      <c r="B320" s="159"/>
      <c r="C320" s="398"/>
      <c r="D320" s="399"/>
      <c r="E320" s="324" t="s">
        <v>208</v>
      </c>
      <c r="F320" s="325"/>
      <c r="G320" s="325"/>
      <c r="H320" s="326"/>
      <c r="I320" s="122" t="s">
        <v>209</v>
      </c>
      <c r="J320" s="166">
        <v>0</v>
      </c>
      <c r="K320" s="81"/>
      <c r="L320" s="163"/>
      <c r="M320" s="163"/>
      <c r="N320" s="163"/>
      <c r="O320" s="163"/>
      <c r="P320" s="163"/>
      <c r="Q320" s="164"/>
    </row>
    <row r="321" spans="1:22" s="91" customFormat="1" x14ac:dyDescent="0.15">
      <c r="A321" s="232"/>
      <c r="B321" s="18"/>
      <c r="C321" s="18"/>
      <c r="D321" s="18"/>
      <c r="E321" s="18"/>
      <c r="F321" s="18"/>
      <c r="G321" s="18"/>
      <c r="H321" s="14"/>
      <c r="I321" s="14"/>
      <c r="J321" s="88"/>
      <c r="K321" s="89"/>
      <c r="L321" s="90"/>
      <c r="M321" s="90"/>
      <c r="N321" s="90"/>
      <c r="O321" s="90"/>
      <c r="P321" s="90"/>
      <c r="Q321" s="90"/>
    </row>
    <row r="322" spans="1:22" s="83" customFormat="1" x14ac:dyDescent="0.15">
      <c r="A322" s="232"/>
      <c r="B322" s="84"/>
      <c r="C322" s="62"/>
      <c r="D322" s="62"/>
      <c r="E322" s="62"/>
      <c r="F322" s="62"/>
      <c r="G322" s="62"/>
      <c r="H322" s="92"/>
      <c r="I322" s="92"/>
      <c r="J322" s="88"/>
      <c r="K322" s="89"/>
      <c r="L322" s="90"/>
      <c r="M322" s="90"/>
      <c r="N322" s="90"/>
      <c r="O322" s="90"/>
      <c r="P322" s="90"/>
      <c r="Q322" s="90"/>
    </row>
    <row r="323" spans="1:22" s="83" customFormat="1" x14ac:dyDescent="0.15">
      <c r="A323" s="232"/>
      <c r="B323" s="119"/>
      <c r="C323" s="119"/>
      <c r="D323" s="62"/>
      <c r="E323" s="62"/>
      <c r="F323" s="62"/>
      <c r="G323" s="62"/>
      <c r="H323" s="92"/>
      <c r="I323" s="167"/>
      <c r="J323" s="88"/>
      <c r="K323" s="89"/>
      <c r="L323" s="90"/>
      <c r="M323" s="90"/>
      <c r="N323" s="90"/>
      <c r="O323" s="90"/>
      <c r="P323" s="90"/>
      <c r="Q323" s="90"/>
    </row>
    <row r="324" spans="1:22" s="91" customFormat="1" x14ac:dyDescent="0.15">
      <c r="A324" s="232"/>
      <c r="B324" s="119"/>
      <c r="C324" s="3"/>
      <c r="D324" s="3"/>
      <c r="E324" s="3"/>
      <c r="F324" s="3"/>
      <c r="G324" s="3"/>
      <c r="H324" s="206"/>
      <c r="I324" s="206"/>
      <c r="J324" s="61"/>
      <c r="K324" s="31"/>
      <c r="L324" s="108"/>
      <c r="M324" s="108"/>
      <c r="N324" s="108"/>
      <c r="O324" s="108"/>
      <c r="P324" s="108"/>
      <c r="Q324" s="108"/>
    </row>
    <row r="325" spans="1:22" s="83" customFormat="1" x14ac:dyDescent="0.15">
      <c r="A325" s="232"/>
      <c r="B325" s="168" t="s">
        <v>210</v>
      </c>
      <c r="C325" s="169"/>
      <c r="D325" s="3"/>
      <c r="E325" s="3"/>
      <c r="F325" s="3"/>
      <c r="G325" s="3"/>
      <c r="H325" s="206"/>
      <c r="I325" s="206"/>
      <c r="J325" s="61"/>
      <c r="K325" s="63"/>
      <c r="L325" s="90"/>
      <c r="M325" s="90"/>
      <c r="N325" s="90"/>
      <c r="O325" s="90"/>
      <c r="P325" s="90"/>
      <c r="Q325" s="90"/>
    </row>
    <row r="326" spans="1:22" x14ac:dyDescent="0.15">
      <c r="A326" s="232"/>
      <c r="B326" s="18"/>
      <c r="C326" s="18"/>
      <c r="D326" s="18"/>
      <c r="E326" s="18"/>
      <c r="F326" s="18"/>
      <c r="G326" s="18"/>
      <c r="H326" s="14"/>
      <c r="I326" s="14"/>
      <c r="L326" s="76"/>
      <c r="M326" s="76"/>
      <c r="N326" s="76"/>
      <c r="O326" s="76"/>
      <c r="P326" s="76"/>
      <c r="Q326" s="76"/>
      <c r="R326" s="8"/>
      <c r="S326" s="8"/>
      <c r="T326" s="8"/>
      <c r="U326" s="8"/>
      <c r="V326" s="8"/>
    </row>
    <row r="327" spans="1:22" s="118" customFormat="1" ht="34.5" customHeight="1" x14ac:dyDescent="0.15">
      <c r="A327" s="232"/>
      <c r="B327" s="18"/>
      <c r="C327" s="3"/>
      <c r="D327" s="3"/>
      <c r="E327" s="3"/>
      <c r="F327" s="3"/>
      <c r="G327" s="3"/>
      <c r="H327" s="206"/>
      <c r="I327" s="206"/>
      <c r="J327" s="77" t="s">
        <v>35</v>
      </c>
      <c r="K327" s="78"/>
      <c r="L327" s="66" t="s">
        <v>525</v>
      </c>
      <c r="M327" s="66" t="s">
        <v>527</v>
      </c>
      <c r="N327" s="66" t="s">
        <v>528</v>
      </c>
      <c r="O327" s="66" t="s">
        <v>529</v>
      </c>
      <c r="P327" s="66" t="s">
        <v>530</v>
      </c>
      <c r="Q327" s="66" t="s">
        <v>531</v>
      </c>
      <c r="R327" s="8"/>
    </row>
    <row r="328" spans="1:22" s="118" customFormat="1" ht="20.25" customHeight="1" x14ac:dyDescent="0.15">
      <c r="A328" s="232"/>
      <c r="B328" s="1"/>
      <c r="C328" s="3"/>
      <c r="D328" s="3"/>
      <c r="E328" s="3"/>
      <c r="F328" s="3"/>
      <c r="G328" s="3"/>
      <c r="H328" s="206"/>
      <c r="I328" s="67" t="s">
        <v>55</v>
      </c>
      <c r="J328" s="170"/>
      <c r="K328" s="79"/>
      <c r="L328" s="137" t="s">
        <v>526</v>
      </c>
      <c r="M328" s="137" t="s">
        <v>526</v>
      </c>
      <c r="N328" s="137" t="s">
        <v>526</v>
      </c>
      <c r="O328" s="137" t="s">
        <v>526</v>
      </c>
      <c r="P328" s="137" t="s">
        <v>526</v>
      </c>
      <c r="Q328" s="137" t="s">
        <v>526</v>
      </c>
      <c r="R328" s="8"/>
    </row>
    <row r="329" spans="1:22" s="118" customFormat="1" ht="34.5" customHeight="1" x14ac:dyDescent="0.15">
      <c r="A329" s="232"/>
      <c r="B329" s="115"/>
      <c r="C329" s="332" t="s">
        <v>211</v>
      </c>
      <c r="D329" s="333"/>
      <c r="E329" s="333"/>
      <c r="F329" s="333"/>
      <c r="G329" s="333"/>
      <c r="H329" s="334"/>
      <c r="I329" s="393" t="s">
        <v>212</v>
      </c>
      <c r="J329" s="171"/>
      <c r="K329" s="97"/>
      <c r="L329" s="172"/>
      <c r="M329" s="172"/>
      <c r="N329" s="172"/>
      <c r="O329" s="172"/>
      <c r="P329" s="172"/>
      <c r="Q329" s="172"/>
      <c r="R329" s="8"/>
    </row>
    <row r="330" spans="1:22" s="118" customFormat="1" ht="34.5" customHeight="1" x14ac:dyDescent="0.15">
      <c r="A330" s="232"/>
      <c r="B330" s="173"/>
      <c r="C330" s="387"/>
      <c r="D330" s="388"/>
      <c r="E330" s="388"/>
      <c r="F330" s="388"/>
      <c r="G330" s="388"/>
      <c r="H330" s="389"/>
      <c r="I330" s="393"/>
      <c r="J330" s="174"/>
      <c r="K330" s="102"/>
      <c r="L330" s="175"/>
      <c r="M330" s="175"/>
      <c r="N330" s="175"/>
      <c r="O330" s="175"/>
      <c r="P330" s="175"/>
      <c r="Q330" s="175"/>
      <c r="R330" s="8"/>
    </row>
    <row r="331" spans="1:22" s="118" customFormat="1" ht="34.5" customHeight="1" x14ac:dyDescent="0.15">
      <c r="A331" s="232"/>
      <c r="B331" s="173"/>
      <c r="C331" s="387"/>
      <c r="D331" s="388"/>
      <c r="E331" s="388"/>
      <c r="F331" s="388"/>
      <c r="G331" s="388"/>
      <c r="H331" s="389"/>
      <c r="I331" s="393"/>
      <c r="J331" s="174"/>
      <c r="K331" s="102"/>
      <c r="L331" s="176" t="s">
        <v>533</v>
      </c>
      <c r="M331" s="176" t="s">
        <v>533</v>
      </c>
      <c r="N331" s="176" t="s">
        <v>533</v>
      </c>
      <c r="O331" s="176" t="s">
        <v>533</v>
      </c>
      <c r="P331" s="176" t="s">
        <v>533</v>
      </c>
      <c r="Q331" s="176" t="s">
        <v>533</v>
      </c>
      <c r="R331" s="8"/>
    </row>
    <row r="332" spans="1:22" s="118" customFormat="1" ht="34.5" customHeight="1" x14ac:dyDescent="0.15">
      <c r="A332" s="232"/>
      <c r="B332" s="173"/>
      <c r="C332" s="387"/>
      <c r="D332" s="388"/>
      <c r="E332" s="388"/>
      <c r="F332" s="388"/>
      <c r="G332" s="388"/>
      <c r="H332" s="389"/>
      <c r="I332" s="393"/>
      <c r="J332" s="174"/>
      <c r="K332" s="102"/>
      <c r="L332" s="177"/>
      <c r="M332" s="177"/>
      <c r="N332" s="177"/>
      <c r="O332" s="177"/>
      <c r="P332" s="177"/>
      <c r="Q332" s="177"/>
      <c r="R332" s="8"/>
    </row>
    <row r="333" spans="1:22" s="118" customFormat="1" ht="34.5" customHeight="1" x14ac:dyDescent="0.15">
      <c r="A333" s="232"/>
      <c r="B333" s="173"/>
      <c r="C333" s="390"/>
      <c r="D333" s="391"/>
      <c r="E333" s="391"/>
      <c r="F333" s="391"/>
      <c r="G333" s="391"/>
      <c r="H333" s="392"/>
      <c r="I333" s="393"/>
      <c r="J333" s="178"/>
      <c r="K333" s="106"/>
      <c r="L333" s="179"/>
      <c r="M333" s="179"/>
      <c r="N333" s="179"/>
      <c r="O333" s="179"/>
      <c r="P333" s="179"/>
      <c r="Q333" s="179"/>
      <c r="R333" s="8"/>
    </row>
    <row r="334" spans="1:22" s="91" customFormat="1" x14ac:dyDescent="0.15">
      <c r="A334" s="232"/>
      <c r="B334" s="18"/>
      <c r="C334" s="18"/>
      <c r="D334" s="18"/>
      <c r="E334" s="18"/>
      <c r="F334" s="18"/>
      <c r="G334" s="18"/>
      <c r="H334" s="14"/>
      <c r="I334" s="14"/>
      <c r="J334" s="88"/>
      <c r="K334" s="89"/>
      <c r="L334" s="90"/>
      <c r="M334" s="90"/>
      <c r="N334" s="90"/>
      <c r="O334" s="90"/>
      <c r="P334" s="90"/>
      <c r="Q334" s="90"/>
    </row>
    <row r="335" spans="1:22" s="83" customFormat="1" x14ac:dyDescent="0.15">
      <c r="A335" s="232"/>
      <c r="B335" s="84"/>
      <c r="C335" s="62"/>
      <c r="D335" s="62"/>
      <c r="E335" s="62"/>
      <c r="F335" s="62"/>
      <c r="G335" s="62"/>
      <c r="H335" s="92"/>
      <c r="I335" s="92"/>
      <c r="J335" s="88"/>
      <c r="K335" s="89"/>
      <c r="L335" s="90"/>
      <c r="M335" s="90"/>
      <c r="N335" s="90"/>
      <c r="O335" s="90"/>
      <c r="P335" s="90"/>
      <c r="Q335" s="90"/>
    </row>
    <row r="336" spans="1:22" s="83" customFormat="1" x14ac:dyDescent="0.15">
      <c r="A336" s="232"/>
      <c r="B336" s="119"/>
      <c r="C336" s="119"/>
      <c r="D336" s="62"/>
      <c r="E336" s="62"/>
      <c r="F336" s="62"/>
      <c r="G336" s="62"/>
      <c r="H336" s="92"/>
      <c r="I336" s="167" t="s">
        <v>213</v>
      </c>
      <c r="J336" s="88"/>
      <c r="K336" s="89"/>
      <c r="L336" s="90"/>
      <c r="M336" s="90"/>
      <c r="N336" s="90"/>
      <c r="O336" s="90"/>
      <c r="P336" s="90"/>
      <c r="Q336" s="90"/>
    </row>
    <row r="337" spans="1:22" s="83" customFormat="1" x14ac:dyDescent="0.15">
      <c r="A337" s="232"/>
      <c r="B337" s="119"/>
      <c r="C337" s="119"/>
      <c r="D337" s="62"/>
      <c r="E337" s="62"/>
      <c r="F337" s="62"/>
      <c r="G337" s="62"/>
      <c r="H337" s="92"/>
      <c r="I337" s="92"/>
      <c r="J337" s="88"/>
      <c r="K337" s="89"/>
      <c r="L337" s="90"/>
      <c r="M337" s="90"/>
      <c r="N337" s="90"/>
      <c r="O337" s="90"/>
      <c r="P337" s="90"/>
      <c r="Q337" s="90"/>
    </row>
    <row r="338" spans="1:22" s="21" customFormat="1" x14ac:dyDescent="0.15">
      <c r="A338" s="232"/>
      <c r="B338" s="1"/>
      <c r="C338" s="51"/>
      <c r="D338" s="35"/>
      <c r="E338" s="35"/>
      <c r="F338" s="35"/>
      <c r="G338" s="35"/>
      <c r="H338" s="20"/>
      <c r="I338" s="53"/>
      <c r="J338" s="5"/>
      <c r="K338" s="6"/>
      <c r="M338" s="49"/>
      <c r="N338" s="49"/>
      <c r="O338" s="49"/>
      <c r="P338" s="49"/>
      <c r="Q338" s="49"/>
      <c r="R338" s="8"/>
    </row>
    <row r="339" spans="1:22" s="21" customFormat="1" x14ac:dyDescent="0.15">
      <c r="A339" s="232"/>
      <c r="B339" s="1"/>
      <c r="C339" s="51"/>
      <c r="D339" s="35"/>
      <c r="E339" s="35"/>
      <c r="F339" s="35"/>
      <c r="G339" s="35"/>
      <c r="H339" s="20"/>
      <c r="I339" s="53"/>
      <c r="J339" s="5"/>
      <c r="K339" s="6"/>
      <c r="M339" s="49"/>
      <c r="N339" s="49"/>
      <c r="O339" s="49"/>
      <c r="P339" s="49"/>
      <c r="Q339" s="49"/>
      <c r="R339" s="8"/>
    </row>
    <row r="340" spans="1:22" s="21" customFormat="1" x14ac:dyDescent="0.15">
      <c r="A340" s="232"/>
      <c r="B340" s="1"/>
      <c r="E340" s="51"/>
      <c r="F340" s="51"/>
      <c r="G340" s="51"/>
      <c r="H340" s="20"/>
      <c r="I340" s="53"/>
      <c r="J340" s="5"/>
      <c r="K340" s="6"/>
      <c r="M340" s="37"/>
      <c r="N340" s="37"/>
      <c r="O340" s="37"/>
      <c r="P340" s="37"/>
      <c r="Q340" s="37"/>
      <c r="R340" s="8"/>
    </row>
    <row r="341" spans="1:22" s="21" customFormat="1" x14ac:dyDescent="0.15">
      <c r="A341" s="232"/>
      <c r="B341" s="1"/>
      <c r="E341" s="51"/>
      <c r="F341" s="51"/>
      <c r="G341" s="51"/>
      <c r="H341" s="20"/>
      <c r="I341" s="53"/>
      <c r="J341" s="5"/>
      <c r="K341" s="6"/>
      <c r="M341" s="49"/>
      <c r="N341" s="49"/>
      <c r="O341" s="49"/>
      <c r="P341" s="49"/>
      <c r="Q341" s="49"/>
      <c r="R341" s="8"/>
    </row>
    <row r="342" spans="1:22" s="21" customFormat="1" x14ac:dyDescent="0.15">
      <c r="A342" s="232"/>
      <c r="B342" s="1"/>
      <c r="E342" s="51"/>
      <c r="F342" s="51"/>
      <c r="G342" s="51"/>
      <c r="H342" s="20"/>
      <c r="I342" s="53"/>
      <c r="J342" s="5"/>
      <c r="K342" s="6"/>
      <c r="M342" s="37"/>
      <c r="N342" s="37"/>
      <c r="O342" s="37"/>
      <c r="P342" s="37"/>
      <c r="Q342" s="37"/>
      <c r="R342" s="8"/>
    </row>
    <row r="343" spans="1:22" s="21" customFormat="1" x14ac:dyDescent="0.15">
      <c r="A343" s="232"/>
      <c r="B343" s="1"/>
      <c r="E343" s="51"/>
      <c r="F343" s="51"/>
      <c r="G343" s="51"/>
      <c r="H343" s="20"/>
      <c r="I343" s="53"/>
      <c r="J343" s="5"/>
      <c r="K343" s="6"/>
      <c r="M343" s="37"/>
      <c r="N343" s="37"/>
      <c r="O343" s="37"/>
      <c r="P343" s="37"/>
      <c r="Q343" s="37"/>
      <c r="R343" s="8"/>
    </row>
    <row r="344" spans="1:22" s="21" customFormat="1" x14ac:dyDescent="0.15">
      <c r="A344" s="232"/>
      <c r="B344" s="1"/>
      <c r="E344" s="35"/>
      <c r="F344" s="35"/>
      <c r="G344" s="35"/>
      <c r="H344" s="20"/>
      <c r="I344" s="4"/>
      <c r="J344" s="37"/>
      <c r="K344" s="54"/>
      <c r="L344" s="7"/>
      <c r="M344" s="7"/>
      <c r="N344" s="7"/>
      <c r="O344" s="7"/>
      <c r="P344" s="7"/>
      <c r="Q344" s="7"/>
      <c r="R344" s="8"/>
    </row>
    <row r="345" spans="1:22" s="21" customFormat="1" x14ac:dyDescent="0.15">
      <c r="A345" s="232"/>
      <c r="B345" s="1"/>
      <c r="C345" s="40"/>
      <c r="D345" s="40"/>
      <c r="E345" s="40"/>
      <c r="F345" s="40"/>
      <c r="G345" s="40"/>
      <c r="H345" s="40"/>
      <c r="I345" s="40"/>
      <c r="J345" s="40"/>
      <c r="K345" s="50"/>
      <c r="L345" s="40"/>
      <c r="M345" s="40"/>
      <c r="N345" s="40"/>
      <c r="O345" s="40"/>
      <c r="P345" s="40"/>
      <c r="Q345" s="40"/>
      <c r="R345" s="8"/>
    </row>
    <row r="346" spans="1:22" s="21" customFormat="1" x14ac:dyDescent="0.15">
      <c r="A346" s="232"/>
      <c r="B346" s="1"/>
      <c r="C346" s="62"/>
      <c r="D346" s="3"/>
      <c r="E346" s="3"/>
      <c r="F346" s="3"/>
      <c r="G346" s="3"/>
      <c r="H346" s="206"/>
      <c r="I346" s="206"/>
      <c r="J346" s="63"/>
      <c r="K346" s="31"/>
      <c r="L346" s="61"/>
      <c r="M346" s="61"/>
      <c r="N346" s="61"/>
      <c r="O346" s="61"/>
      <c r="P346" s="61"/>
      <c r="Q346" s="61"/>
      <c r="R346" s="8"/>
    </row>
    <row r="347" spans="1:22" s="91" customFormat="1" ht="19.5" x14ac:dyDescent="0.15">
      <c r="A347" s="232"/>
      <c r="B347" s="180" t="s">
        <v>218</v>
      </c>
      <c r="C347" s="181"/>
      <c r="D347" s="181"/>
      <c r="E347" s="57"/>
      <c r="F347" s="57"/>
      <c r="G347" s="57"/>
      <c r="H347" s="58"/>
      <c r="I347" s="58"/>
      <c r="J347" s="60"/>
      <c r="K347" s="59"/>
      <c r="L347" s="182"/>
      <c r="M347" s="182"/>
      <c r="N347" s="182"/>
      <c r="O347" s="182"/>
      <c r="P347" s="182"/>
      <c r="Q347" s="182"/>
    </row>
    <row r="348" spans="1:22" s="91" customFormat="1" x14ac:dyDescent="0.15">
      <c r="A348" s="232"/>
      <c r="B348" s="44" t="s">
        <v>219</v>
      </c>
      <c r="C348" s="67"/>
      <c r="D348" s="67"/>
      <c r="E348" s="3"/>
      <c r="F348" s="3"/>
      <c r="G348" s="3"/>
      <c r="H348" s="206"/>
      <c r="I348" s="206"/>
      <c r="J348" s="61"/>
      <c r="K348" s="31"/>
      <c r="L348" s="108"/>
      <c r="M348" s="108"/>
      <c r="N348" s="108"/>
      <c r="O348" s="108"/>
      <c r="P348" s="108"/>
      <c r="Q348" s="108"/>
    </row>
    <row r="349" spans="1:22" x14ac:dyDescent="0.15">
      <c r="A349" s="232"/>
      <c r="B349" s="18"/>
      <c r="C349" s="18"/>
      <c r="D349" s="18"/>
      <c r="E349" s="18"/>
      <c r="F349" s="18"/>
      <c r="G349" s="18"/>
      <c r="H349" s="14"/>
      <c r="I349" s="14"/>
      <c r="L349" s="76"/>
      <c r="M349" s="76"/>
      <c r="N349" s="76"/>
      <c r="O349" s="76"/>
      <c r="P349" s="76"/>
      <c r="Q349" s="76"/>
      <c r="R349" s="8"/>
      <c r="S349" s="8"/>
      <c r="T349" s="8"/>
      <c r="U349" s="8"/>
      <c r="V349" s="8"/>
    </row>
    <row r="350" spans="1:22" ht="34.5" customHeight="1" x14ac:dyDescent="0.15">
      <c r="A350" s="232"/>
      <c r="B350" s="18"/>
      <c r="C350" s="3"/>
      <c r="D350" s="3"/>
      <c r="F350" s="3"/>
      <c r="G350" s="3"/>
      <c r="H350" s="206"/>
      <c r="I350" s="206"/>
      <c r="J350" s="77" t="s">
        <v>35</v>
      </c>
      <c r="K350" s="78"/>
      <c r="L350" s="66" t="s">
        <v>525</v>
      </c>
      <c r="M350" s="66" t="s">
        <v>527</v>
      </c>
      <c r="N350" s="66" t="s">
        <v>528</v>
      </c>
      <c r="O350" s="66" t="s">
        <v>529</v>
      </c>
      <c r="P350" s="66" t="s">
        <v>530</v>
      </c>
      <c r="Q350" s="66" t="s">
        <v>531</v>
      </c>
      <c r="R350" s="8"/>
      <c r="S350" s="8"/>
      <c r="T350" s="8"/>
      <c r="U350" s="8"/>
      <c r="V350" s="8"/>
    </row>
    <row r="351" spans="1:22" ht="20.25" customHeight="1" x14ac:dyDescent="0.15">
      <c r="A351" s="232"/>
      <c r="B351" s="1"/>
      <c r="C351" s="3"/>
      <c r="D351" s="3"/>
      <c r="F351" s="3"/>
      <c r="G351" s="3"/>
      <c r="H351" s="206"/>
      <c r="I351" s="67" t="s">
        <v>220</v>
      </c>
      <c r="J351" s="68"/>
      <c r="K351" s="79"/>
      <c r="L351" s="70" t="s">
        <v>526</v>
      </c>
      <c r="M351" s="70" t="s">
        <v>526</v>
      </c>
      <c r="N351" s="70" t="s">
        <v>526</v>
      </c>
      <c r="O351" s="70" t="s">
        <v>526</v>
      </c>
      <c r="P351" s="70" t="s">
        <v>526</v>
      </c>
      <c r="Q351" s="70" t="s">
        <v>526</v>
      </c>
      <c r="R351" s="8"/>
      <c r="S351" s="8"/>
      <c r="T351" s="8"/>
      <c r="U351" s="8"/>
      <c r="V351" s="8"/>
    </row>
    <row r="352" spans="1:22" s="83" customFormat="1" ht="34.5" customHeight="1" x14ac:dyDescent="0.15">
      <c r="A352" s="232"/>
      <c r="B352" s="84"/>
      <c r="C352" s="373" t="s">
        <v>221</v>
      </c>
      <c r="D352" s="343" t="s">
        <v>222</v>
      </c>
      <c r="E352" s="344"/>
      <c r="F352" s="344"/>
      <c r="G352" s="344"/>
      <c r="H352" s="345"/>
      <c r="I352" s="335" t="s">
        <v>223</v>
      </c>
      <c r="J352" s="140">
        <v>69</v>
      </c>
      <c r="K352" s="81" t="s">
        <v>542</v>
      </c>
      <c r="L352" s="147">
        <v>4</v>
      </c>
      <c r="M352" s="147">
        <v>43</v>
      </c>
      <c r="N352" s="147">
        <v>13</v>
      </c>
      <c r="O352" s="147">
        <v>2</v>
      </c>
      <c r="P352" s="147">
        <v>5</v>
      </c>
      <c r="Q352" s="147">
        <v>2</v>
      </c>
    </row>
    <row r="353" spans="1:22" s="83" customFormat="1" ht="34.5" customHeight="1" x14ac:dyDescent="0.15">
      <c r="A353" s="232"/>
      <c r="B353" s="84"/>
      <c r="C353" s="374"/>
      <c r="D353" s="384"/>
      <c r="E353" s="324" t="s">
        <v>224</v>
      </c>
      <c r="F353" s="325"/>
      <c r="G353" s="325"/>
      <c r="H353" s="326"/>
      <c r="I353" s="352"/>
      <c r="J353" s="140">
        <v>69</v>
      </c>
      <c r="K353" s="81" t="s">
        <v>542</v>
      </c>
      <c r="L353" s="147">
        <v>4</v>
      </c>
      <c r="M353" s="147">
        <v>43</v>
      </c>
      <c r="N353" s="147">
        <v>13</v>
      </c>
      <c r="O353" s="147">
        <v>2</v>
      </c>
      <c r="P353" s="147">
        <v>5</v>
      </c>
      <c r="Q353" s="147">
        <v>2</v>
      </c>
    </row>
    <row r="354" spans="1:22" s="83" customFormat="1" ht="34.5" customHeight="1" x14ac:dyDescent="0.15">
      <c r="A354" s="232"/>
      <c r="B354" s="84"/>
      <c r="C354" s="374"/>
      <c r="D354" s="385"/>
      <c r="E354" s="324" t="s">
        <v>225</v>
      </c>
      <c r="F354" s="325"/>
      <c r="G354" s="325"/>
      <c r="H354" s="326"/>
      <c r="I354" s="352"/>
      <c r="J354" s="140">
        <v>0</v>
      </c>
      <c r="K354" s="81" t="s">
        <v>542</v>
      </c>
      <c r="L354" s="147">
        <v>0</v>
      </c>
      <c r="M354" s="147">
        <v>0</v>
      </c>
      <c r="N354" s="147">
        <v>0</v>
      </c>
      <c r="O354" s="147">
        <v>0</v>
      </c>
      <c r="P354" s="147">
        <v>0</v>
      </c>
      <c r="Q354" s="147">
        <v>0</v>
      </c>
    </row>
    <row r="355" spans="1:22" s="83" customFormat="1" ht="34.5" customHeight="1" x14ac:dyDescent="0.15">
      <c r="A355" s="232"/>
      <c r="B355" s="84"/>
      <c r="C355" s="374"/>
      <c r="D355" s="386"/>
      <c r="E355" s="343" t="s">
        <v>226</v>
      </c>
      <c r="F355" s="344"/>
      <c r="G355" s="344"/>
      <c r="H355" s="345"/>
      <c r="I355" s="352"/>
      <c r="J355" s="140">
        <v>0</v>
      </c>
      <c r="K355" s="81" t="s">
        <v>542</v>
      </c>
      <c r="L355" s="147">
        <v>0</v>
      </c>
      <c r="M355" s="147">
        <v>0</v>
      </c>
      <c r="N355" s="147">
        <v>0</v>
      </c>
      <c r="O355" s="147">
        <v>0</v>
      </c>
      <c r="P355" s="147">
        <v>0</v>
      </c>
      <c r="Q355" s="147">
        <v>0</v>
      </c>
    </row>
    <row r="356" spans="1:22" s="83" customFormat="1" ht="34.5" customHeight="1" x14ac:dyDescent="0.15">
      <c r="A356" s="232"/>
      <c r="B356" s="1"/>
      <c r="C356" s="374"/>
      <c r="D356" s="324" t="s">
        <v>227</v>
      </c>
      <c r="E356" s="325"/>
      <c r="F356" s="325"/>
      <c r="G356" s="325"/>
      <c r="H356" s="326"/>
      <c r="I356" s="352"/>
      <c r="J356" s="140">
        <v>78080</v>
      </c>
      <c r="K356" s="81" t="s">
        <v>542</v>
      </c>
      <c r="L356" s="147">
        <v>12236</v>
      </c>
      <c r="M356" s="147">
        <v>13329</v>
      </c>
      <c r="N356" s="147">
        <v>13459</v>
      </c>
      <c r="O356" s="147">
        <v>13118</v>
      </c>
      <c r="P356" s="147">
        <v>12864</v>
      </c>
      <c r="Q356" s="147">
        <v>13074</v>
      </c>
    </row>
    <row r="357" spans="1:22" s="83" customFormat="1" ht="34.5" customHeight="1" x14ac:dyDescent="0.15">
      <c r="A357" s="232"/>
      <c r="B357" s="119"/>
      <c r="C357" s="374"/>
      <c r="D357" s="324" t="s">
        <v>228</v>
      </c>
      <c r="E357" s="325"/>
      <c r="F357" s="325"/>
      <c r="G357" s="325"/>
      <c r="H357" s="326"/>
      <c r="I357" s="353"/>
      <c r="J357" s="140">
        <v>78</v>
      </c>
      <c r="K357" s="81" t="s">
        <v>542</v>
      </c>
      <c r="L357" s="147">
        <v>4</v>
      </c>
      <c r="M357" s="147">
        <v>44</v>
      </c>
      <c r="N357" s="147">
        <v>16</v>
      </c>
      <c r="O357" s="147">
        <v>4</v>
      </c>
      <c r="P357" s="147">
        <v>7</v>
      </c>
      <c r="Q357" s="147">
        <v>3</v>
      </c>
    </row>
    <row r="358" spans="1:22" s="91" customFormat="1" x14ac:dyDescent="0.15">
      <c r="A358" s="232"/>
      <c r="B358" s="18"/>
      <c r="C358" s="18"/>
      <c r="D358" s="18"/>
      <c r="E358" s="18"/>
      <c r="F358" s="18"/>
      <c r="G358" s="18"/>
      <c r="H358" s="14"/>
      <c r="I358" s="14"/>
      <c r="J358" s="88"/>
      <c r="K358" s="89"/>
      <c r="L358" s="90"/>
      <c r="M358" s="90"/>
      <c r="N358" s="90"/>
      <c r="O358" s="90"/>
      <c r="P358" s="90"/>
      <c r="Q358" s="90"/>
    </row>
    <row r="359" spans="1:22" s="83" customFormat="1" x14ac:dyDescent="0.15">
      <c r="A359" s="232"/>
      <c r="B359" s="84"/>
      <c r="C359" s="62"/>
      <c r="D359" s="62"/>
      <c r="E359" s="62"/>
      <c r="F359" s="62"/>
      <c r="G359" s="62"/>
      <c r="H359" s="92"/>
      <c r="I359" s="92"/>
      <c r="J359" s="88"/>
      <c r="K359" s="89"/>
      <c r="L359" s="90"/>
      <c r="M359" s="90"/>
      <c r="N359" s="90"/>
      <c r="O359" s="90"/>
      <c r="P359" s="90"/>
      <c r="Q359" s="90"/>
    </row>
    <row r="360" spans="1:22" s="91" customFormat="1" x14ac:dyDescent="0.15">
      <c r="A360" s="232"/>
      <c r="B360" s="119"/>
      <c r="C360" s="183"/>
      <c r="D360" s="3"/>
      <c r="E360" s="3"/>
      <c r="F360" s="3"/>
      <c r="H360" s="206"/>
      <c r="I360" s="206"/>
      <c r="J360" s="61"/>
      <c r="K360" s="31"/>
      <c r="L360" s="108"/>
      <c r="M360" s="108"/>
      <c r="N360" s="108"/>
      <c r="O360" s="108"/>
      <c r="P360" s="108"/>
      <c r="Q360" s="108"/>
    </row>
    <row r="361" spans="1:22" s="91" customFormat="1" x14ac:dyDescent="0.15">
      <c r="A361" s="232"/>
      <c r="B361" s="44" t="s">
        <v>229</v>
      </c>
      <c r="C361" s="107"/>
      <c r="D361" s="107"/>
      <c r="E361" s="107"/>
      <c r="F361" s="107"/>
      <c r="G361" s="107"/>
      <c r="H361" s="14"/>
      <c r="I361" s="14"/>
      <c r="J361" s="61"/>
      <c r="K361" s="31"/>
      <c r="L361" s="108"/>
      <c r="M361" s="108"/>
      <c r="N361" s="108"/>
      <c r="O361" s="108"/>
      <c r="P361" s="108"/>
      <c r="Q361" s="108"/>
    </row>
    <row r="362" spans="1:22" x14ac:dyDescent="0.15">
      <c r="A362" s="232"/>
      <c r="B362" s="18"/>
      <c r="C362" s="18"/>
      <c r="D362" s="18"/>
      <c r="E362" s="18"/>
      <c r="F362" s="18"/>
      <c r="G362" s="18"/>
      <c r="H362" s="14"/>
      <c r="I362" s="14"/>
      <c r="L362" s="76"/>
      <c r="M362" s="76"/>
      <c r="N362" s="76"/>
      <c r="O362" s="76"/>
      <c r="P362" s="76"/>
      <c r="Q362" s="76"/>
      <c r="R362" s="8"/>
      <c r="S362" s="8"/>
      <c r="T362" s="8"/>
      <c r="U362" s="8"/>
      <c r="V362" s="8"/>
    </row>
    <row r="363" spans="1:22" ht="34.5" customHeight="1" x14ac:dyDescent="0.15">
      <c r="A363" s="232"/>
      <c r="B363" s="18"/>
      <c r="C363" s="3"/>
      <c r="D363" s="3"/>
      <c r="F363" s="3"/>
      <c r="G363" s="3"/>
      <c r="H363" s="206"/>
      <c r="I363" s="206"/>
      <c r="J363" s="77" t="s">
        <v>35</v>
      </c>
      <c r="K363" s="78"/>
      <c r="L363" s="66" t="s">
        <v>525</v>
      </c>
      <c r="M363" s="66" t="s">
        <v>527</v>
      </c>
      <c r="N363" s="66" t="s">
        <v>528</v>
      </c>
      <c r="O363" s="66" t="s">
        <v>529</v>
      </c>
      <c r="P363" s="66" t="s">
        <v>530</v>
      </c>
      <c r="Q363" s="66" t="s">
        <v>531</v>
      </c>
      <c r="R363" s="8"/>
      <c r="S363" s="8"/>
      <c r="T363" s="8"/>
      <c r="U363" s="8"/>
      <c r="V363" s="8"/>
    </row>
    <row r="364" spans="1:22" ht="20.25" customHeight="1" x14ac:dyDescent="0.15">
      <c r="A364" s="232"/>
      <c r="B364" s="1"/>
      <c r="C364" s="62"/>
      <c r="D364" s="3"/>
      <c r="F364" s="3"/>
      <c r="G364" s="3"/>
      <c r="H364" s="206"/>
      <c r="I364" s="67" t="s">
        <v>220</v>
      </c>
      <c r="J364" s="68"/>
      <c r="K364" s="79"/>
      <c r="L364" s="70" t="s">
        <v>526</v>
      </c>
      <c r="M364" s="70" t="s">
        <v>526</v>
      </c>
      <c r="N364" s="70" t="s">
        <v>526</v>
      </c>
      <c r="O364" s="70" t="s">
        <v>526</v>
      </c>
      <c r="P364" s="70" t="s">
        <v>526</v>
      </c>
      <c r="Q364" s="70" t="s">
        <v>526</v>
      </c>
      <c r="R364" s="8"/>
      <c r="S364" s="8"/>
      <c r="T364" s="8"/>
      <c r="U364" s="8"/>
      <c r="V364" s="8"/>
    </row>
    <row r="365" spans="1:22" s="83" customFormat="1" ht="34.5" customHeight="1" x14ac:dyDescent="0.15">
      <c r="A365" s="232"/>
      <c r="B365" s="119"/>
      <c r="C365" s="373" t="s">
        <v>230</v>
      </c>
      <c r="D365" s="324" t="s">
        <v>231</v>
      </c>
      <c r="E365" s="325"/>
      <c r="F365" s="325"/>
      <c r="G365" s="325"/>
      <c r="H365" s="326"/>
      <c r="I365" s="335" t="s">
        <v>232</v>
      </c>
      <c r="J365" s="140">
        <v>4</v>
      </c>
      <c r="K365" s="81" t="s">
        <v>542</v>
      </c>
      <c r="L365" s="147">
        <v>0</v>
      </c>
      <c r="M365" s="147">
        <v>2</v>
      </c>
      <c r="N365" s="147">
        <v>2</v>
      </c>
      <c r="O365" s="147">
        <v>0</v>
      </c>
      <c r="P365" s="147">
        <v>0</v>
      </c>
      <c r="Q365" s="147">
        <v>0</v>
      </c>
    </row>
    <row r="366" spans="1:22" s="83" customFormat="1" ht="34.5" customHeight="1" x14ac:dyDescent="0.15">
      <c r="A366" s="232"/>
      <c r="B366" s="119"/>
      <c r="C366" s="373"/>
      <c r="D366" s="379" t="s">
        <v>233</v>
      </c>
      <c r="E366" s="381" t="s">
        <v>234</v>
      </c>
      <c r="F366" s="382"/>
      <c r="G366" s="382"/>
      <c r="H366" s="383"/>
      <c r="I366" s="336"/>
      <c r="J366" s="140">
        <v>0</v>
      </c>
      <c r="K366" s="81" t="s">
        <v>542</v>
      </c>
      <c r="L366" s="147">
        <v>0</v>
      </c>
      <c r="M366" s="147">
        <v>0</v>
      </c>
      <c r="N366" s="147">
        <v>0</v>
      </c>
      <c r="O366" s="147">
        <v>0</v>
      </c>
      <c r="P366" s="147">
        <v>0</v>
      </c>
      <c r="Q366" s="147">
        <v>0</v>
      </c>
    </row>
    <row r="367" spans="1:22" s="83" customFormat="1" ht="34.5" customHeight="1" x14ac:dyDescent="0.15">
      <c r="A367" s="232"/>
      <c r="B367" s="119"/>
      <c r="C367" s="373"/>
      <c r="D367" s="373"/>
      <c r="E367" s="324" t="s">
        <v>235</v>
      </c>
      <c r="F367" s="325"/>
      <c r="G367" s="325"/>
      <c r="H367" s="326"/>
      <c r="I367" s="336"/>
      <c r="J367" s="140">
        <v>4</v>
      </c>
      <c r="K367" s="81" t="s">
        <v>542</v>
      </c>
      <c r="L367" s="147">
        <v>0</v>
      </c>
      <c r="M367" s="147">
        <v>2</v>
      </c>
      <c r="N367" s="147">
        <v>2</v>
      </c>
      <c r="O367" s="147">
        <v>0</v>
      </c>
      <c r="P367" s="147">
        <v>0</v>
      </c>
      <c r="Q367" s="147">
        <v>0</v>
      </c>
    </row>
    <row r="368" spans="1:22" s="83" customFormat="1" ht="34.5" customHeight="1" x14ac:dyDescent="0.15">
      <c r="A368" s="232"/>
      <c r="B368" s="119"/>
      <c r="C368" s="373"/>
      <c r="D368" s="373"/>
      <c r="E368" s="324" t="s">
        <v>236</v>
      </c>
      <c r="F368" s="325"/>
      <c r="G368" s="325"/>
      <c r="H368" s="326"/>
      <c r="I368" s="336"/>
      <c r="J368" s="140">
        <v>0</v>
      </c>
      <c r="K368" s="81" t="s">
        <v>542</v>
      </c>
      <c r="L368" s="147">
        <v>0</v>
      </c>
      <c r="M368" s="147">
        <v>0</v>
      </c>
      <c r="N368" s="147">
        <v>0</v>
      </c>
      <c r="O368" s="147">
        <v>0</v>
      </c>
      <c r="P368" s="147">
        <v>0</v>
      </c>
      <c r="Q368" s="147">
        <v>0</v>
      </c>
    </row>
    <row r="369" spans="1:17" s="83" customFormat="1" ht="34.5" customHeight="1" x14ac:dyDescent="0.15">
      <c r="A369" s="232"/>
      <c r="B369" s="119"/>
      <c r="C369" s="373"/>
      <c r="D369" s="373"/>
      <c r="E369" s="324" t="s">
        <v>237</v>
      </c>
      <c r="F369" s="325"/>
      <c r="G369" s="325"/>
      <c r="H369" s="326"/>
      <c r="I369" s="336"/>
      <c r="J369" s="140">
        <v>0</v>
      </c>
      <c r="K369" s="81" t="s">
        <v>542</v>
      </c>
      <c r="L369" s="147">
        <v>0</v>
      </c>
      <c r="M369" s="147">
        <v>0</v>
      </c>
      <c r="N369" s="147">
        <v>0</v>
      </c>
      <c r="O369" s="147">
        <v>0</v>
      </c>
      <c r="P369" s="147">
        <v>0</v>
      </c>
      <c r="Q369" s="147">
        <v>0</v>
      </c>
    </row>
    <row r="370" spans="1:17" s="83" customFormat="1" ht="34.5" customHeight="1" x14ac:dyDescent="0.15">
      <c r="A370" s="232"/>
      <c r="B370" s="119"/>
      <c r="C370" s="373"/>
      <c r="D370" s="373"/>
      <c r="E370" s="324" t="s">
        <v>238</v>
      </c>
      <c r="F370" s="325"/>
      <c r="G370" s="325"/>
      <c r="H370" s="326"/>
      <c r="I370" s="336"/>
      <c r="J370" s="140">
        <v>0</v>
      </c>
      <c r="K370" s="81" t="s">
        <v>542</v>
      </c>
      <c r="L370" s="147">
        <v>0</v>
      </c>
      <c r="M370" s="147">
        <v>0</v>
      </c>
      <c r="N370" s="147">
        <v>0</v>
      </c>
      <c r="O370" s="147">
        <v>0</v>
      </c>
      <c r="P370" s="147">
        <v>0</v>
      </c>
      <c r="Q370" s="147">
        <v>0</v>
      </c>
    </row>
    <row r="371" spans="1:17" s="83" customFormat="1" ht="34.5" customHeight="1" x14ac:dyDescent="0.15">
      <c r="A371" s="232"/>
      <c r="B371" s="119"/>
      <c r="C371" s="373"/>
      <c r="D371" s="380"/>
      <c r="E371" s="343" t="s">
        <v>166</v>
      </c>
      <c r="F371" s="344"/>
      <c r="G371" s="344"/>
      <c r="H371" s="345"/>
      <c r="I371" s="336"/>
      <c r="J371" s="140">
        <v>0</v>
      </c>
      <c r="K371" s="81" t="s">
        <v>542</v>
      </c>
      <c r="L371" s="147">
        <v>0</v>
      </c>
      <c r="M371" s="147">
        <v>0</v>
      </c>
      <c r="N371" s="147">
        <v>0</v>
      </c>
      <c r="O371" s="147">
        <v>0</v>
      </c>
      <c r="P371" s="147">
        <v>0</v>
      </c>
      <c r="Q371" s="147">
        <v>0</v>
      </c>
    </row>
    <row r="372" spans="1:17" s="83" customFormat="1" ht="34.5" customHeight="1" x14ac:dyDescent="0.15">
      <c r="A372" s="232"/>
      <c r="B372" s="119"/>
      <c r="C372" s="373"/>
      <c r="D372" s="324" t="s">
        <v>239</v>
      </c>
      <c r="E372" s="325"/>
      <c r="F372" s="325"/>
      <c r="G372" s="325"/>
      <c r="H372" s="326"/>
      <c r="I372" s="336"/>
      <c r="J372" s="140">
        <v>2</v>
      </c>
      <c r="K372" s="81" t="s">
        <v>542</v>
      </c>
      <c r="L372" s="147">
        <v>0</v>
      </c>
      <c r="M372" s="147">
        <v>1</v>
      </c>
      <c r="N372" s="147">
        <v>1</v>
      </c>
      <c r="O372" s="147">
        <v>0</v>
      </c>
      <c r="P372" s="147">
        <v>0</v>
      </c>
      <c r="Q372" s="147">
        <v>0</v>
      </c>
    </row>
    <row r="373" spans="1:17" s="83" customFormat="1" ht="34.5" customHeight="1" x14ac:dyDescent="0.15">
      <c r="A373" s="232"/>
      <c r="B373" s="119"/>
      <c r="C373" s="373"/>
      <c r="D373" s="379" t="s">
        <v>240</v>
      </c>
      <c r="E373" s="381" t="s">
        <v>241</v>
      </c>
      <c r="F373" s="382"/>
      <c r="G373" s="382"/>
      <c r="H373" s="383"/>
      <c r="I373" s="336"/>
      <c r="J373" s="140">
        <v>0</v>
      </c>
      <c r="K373" s="81" t="s">
        <v>542</v>
      </c>
      <c r="L373" s="147">
        <v>0</v>
      </c>
      <c r="M373" s="147">
        <v>0</v>
      </c>
      <c r="N373" s="147">
        <v>0</v>
      </c>
      <c r="O373" s="147">
        <v>0</v>
      </c>
      <c r="P373" s="147">
        <v>0</v>
      </c>
      <c r="Q373" s="147">
        <v>0</v>
      </c>
    </row>
    <row r="374" spans="1:17" s="83" customFormat="1" ht="34.5" customHeight="1" x14ac:dyDescent="0.15">
      <c r="A374" s="232"/>
      <c r="B374" s="119"/>
      <c r="C374" s="373"/>
      <c r="D374" s="373"/>
      <c r="E374" s="324" t="s">
        <v>242</v>
      </c>
      <c r="F374" s="325"/>
      <c r="G374" s="325"/>
      <c r="H374" s="326"/>
      <c r="I374" s="336"/>
      <c r="J374" s="140">
        <v>2</v>
      </c>
      <c r="K374" s="81" t="s">
        <v>542</v>
      </c>
      <c r="L374" s="147">
        <v>0</v>
      </c>
      <c r="M374" s="147">
        <v>1</v>
      </c>
      <c r="N374" s="147">
        <v>1</v>
      </c>
      <c r="O374" s="147">
        <v>0</v>
      </c>
      <c r="P374" s="147">
        <v>0</v>
      </c>
      <c r="Q374" s="147">
        <v>0</v>
      </c>
    </row>
    <row r="375" spans="1:17" s="83" customFormat="1" ht="34.5" customHeight="1" x14ac:dyDescent="0.15">
      <c r="A375" s="232"/>
      <c r="B375" s="119"/>
      <c r="C375" s="373"/>
      <c r="D375" s="373"/>
      <c r="E375" s="324" t="s">
        <v>243</v>
      </c>
      <c r="F375" s="325"/>
      <c r="G375" s="325"/>
      <c r="H375" s="326"/>
      <c r="I375" s="336"/>
      <c r="J375" s="140">
        <v>0</v>
      </c>
      <c r="K375" s="81" t="s">
        <v>542</v>
      </c>
      <c r="L375" s="147">
        <v>0</v>
      </c>
      <c r="M375" s="147">
        <v>0</v>
      </c>
      <c r="N375" s="147">
        <v>0</v>
      </c>
      <c r="O375" s="147">
        <v>0</v>
      </c>
      <c r="P375" s="147">
        <v>0</v>
      </c>
      <c r="Q375" s="147">
        <v>0</v>
      </c>
    </row>
    <row r="376" spans="1:17" s="83" customFormat="1" ht="34.5" customHeight="1" x14ac:dyDescent="0.15">
      <c r="A376" s="232"/>
      <c r="B376" s="119"/>
      <c r="C376" s="373"/>
      <c r="D376" s="373"/>
      <c r="E376" s="324" t="s">
        <v>244</v>
      </c>
      <c r="F376" s="325"/>
      <c r="G376" s="325"/>
      <c r="H376" s="326"/>
      <c r="I376" s="336"/>
      <c r="J376" s="140">
        <v>0</v>
      </c>
      <c r="K376" s="81" t="s">
        <v>542</v>
      </c>
      <c r="L376" s="147">
        <v>0</v>
      </c>
      <c r="M376" s="147">
        <v>0</v>
      </c>
      <c r="N376" s="147">
        <v>0</v>
      </c>
      <c r="O376" s="147">
        <v>0</v>
      </c>
      <c r="P376" s="147">
        <v>0</v>
      </c>
      <c r="Q376" s="147">
        <v>0</v>
      </c>
    </row>
    <row r="377" spans="1:17" s="83" customFormat="1" ht="34.5" customHeight="1" x14ac:dyDescent="0.15">
      <c r="A377" s="232"/>
      <c r="B377" s="119"/>
      <c r="C377" s="373"/>
      <c r="D377" s="373"/>
      <c r="E377" s="324" t="s">
        <v>245</v>
      </c>
      <c r="F377" s="325"/>
      <c r="G377" s="325"/>
      <c r="H377" s="326"/>
      <c r="I377" s="336"/>
      <c r="J377" s="140">
        <v>0</v>
      </c>
      <c r="K377" s="81" t="s">
        <v>542</v>
      </c>
      <c r="L377" s="147">
        <v>0</v>
      </c>
      <c r="M377" s="147">
        <v>0</v>
      </c>
      <c r="N377" s="147">
        <v>0</v>
      </c>
      <c r="O377" s="147">
        <v>0</v>
      </c>
      <c r="P377" s="147">
        <v>0</v>
      </c>
      <c r="Q377" s="147">
        <v>0</v>
      </c>
    </row>
    <row r="378" spans="1:17" s="83" customFormat="1" ht="34.5" customHeight="1" x14ac:dyDescent="0.15">
      <c r="A378" s="232"/>
      <c r="B378" s="119"/>
      <c r="C378" s="373"/>
      <c r="D378" s="373"/>
      <c r="E378" s="324" t="s">
        <v>246</v>
      </c>
      <c r="F378" s="325"/>
      <c r="G378" s="325"/>
      <c r="H378" s="326"/>
      <c r="I378" s="336"/>
      <c r="J378" s="140">
        <v>0</v>
      </c>
      <c r="K378" s="81" t="s">
        <v>542</v>
      </c>
      <c r="L378" s="147">
        <v>0</v>
      </c>
      <c r="M378" s="147">
        <v>0</v>
      </c>
      <c r="N378" s="147">
        <v>0</v>
      </c>
      <c r="O378" s="147">
        <v>0</v>
      </c>
      <c r="P378" s="147">
        <v>0</v>
      </c>
      <c r="Q378" s="147">
        <v>0</v>
      </c>
    </row>
    <row r="379" spans="1:17" s="83" customFormat="1" ht="34.5" customHeight="1" x14ac:dyDescent="0.15">
      <c r="A379" s="232"/>
      <c r="B379" s="119"/>
      <c r="C379" s="373"/>
      <c r="D379" s="373"/>
      <c r="E379" s="324" t="s">
        <v>247</v>
      </c>
      <c r="F379" s="325"/>
      <c r="G379" s="325"/>
      <c r="H379" s="326"/>
      <c r="I379" s="336"/>
      <c r="J379" s="140">
        <v>0</v>
      </c>
      <c r="K379" s="81" t="s">
        <v>542</v>
      </c>
      <c r="L379" s="147">
        <v>0</v>
      </c>
      <c r="M379" s="147">
        <v>0</v>
      </c>
      <c r="N379" s="147">
        <v>0</v>
      </c>
      <c r="O379" s="147">
        <v>0</v>
      </c>
      <c r="P379" s="147">
        <v>0</v>
      </c>
      <c r="Q379" s="147">
        <v>0</v>
      </c>
    </row>
    <row r="380" spans="1:17" s="83" customFormat="1" ht="34.5" customHeight="1" x14ac:dyDescent="0.15">
      <c r="A380" s="232"/>
      <c r="B380" s="119"/>
      <c r="C380" s="373"/>
      <c r="D380" s="380"/>
      <c r="E380" s="343" t="s">
        <v>166</v>
      </c>
      <c r="F380" s="344"/>
      <c r="G380" s="344"/>
      <c r="H380" s="345"/>
      <c r="I380" s="337"/>
      <c r="J380" s="140">
        <v>0</v>
      </c>
      <c r="K380" s="81" t="s">
        <v>542</v>
      </c>
      <c r="L380" s="147">
        <v>0</v>
      </c>
      <c r="M380" s="147">
        <v>0</v>
      </c>
      <c r="N380" s="147">
        <v>0</v>
      </c>
      <c r="O380" s="147">
        <v>0</v>
      </c>
      <c r="P380" s="147">
        <v>0</v>
      </c>
      <c r="Q380" s="147">
        <v>0</v>
      </c>
    </row>
    <row r="381" spans="1:17" s="83" customFormat="1" ht="34.5" customHeight="1" x14ac:dyDescent="0.15">
      <c r="A381" s="232"/>
      <c r="B381" s="119"/>
      <c r="C381" s="373" t="s">
        <v>248</v>
      </c>
      <c r="D381" s="324" t="s">
        <v>249</v>
      </c>
      <c r="E381" s="325"/>
      <c r="F381" s="325"/>
      <c r="G381" s="325"/>
      <c r="H381" s="326"/>
      <c r="I381" s="335" t="s">
        <v>250</v>
      </c>
      <c r="J381" s="140">
        <v>69</v>
      </c>
      <c r="K381" s="81" t="s">
        <v>542</v>
      </c>
      <c r="L381" s="147">
        <v>4</v>
      </c>
      <c r="M381" s="147">
        <v>43</v>
      </c>
      <c r="N381" s="147">
        <v>13</v>
      </c>
      <c r="O381" s="147">
        <v>2</v>
      </c>
      <c r="P381" s="147">
        <v>5</v>
      </c>
      <c r="Q381" s="147">
        <v>2</v>
      </c>
    </row>
    <row r="382" spans="1:17" s="83" customFormat="1" ht="34.5" customHeight="1" x14ac:dyDescent="0.15">
      <c r="A382" s="232"/>
      <c r="B382" s="119"/>
      <c r="C382" s="373"/>
      <c r="D382" s="379" t="s">
        <v>233</v>
      </c>
      <c r="E382" s="381" t="s">
        <v>234</v>
      </c>
      <c r="F382" s="382"/>
      <c r="G382" s="382"/>
      <c r="H382" s="383"/>
      <c r="I382" s="365"/>
      <c r="J382" s="140">
        <v>0</v>
      </c>
      <c r="K382" s="81" t="s">
        <v>542</v>
      </c>
      <c r="L382" s="147">
        <v>0</v>
      </c>
      <c r="M382" s="147">
        <v>0</v>
      </c>
      <c r="N382" s="147">
        <v>0</v>
      </c>
      <c r="O382" s="147">
        <v>0</v>
      </c>
      <c r="P382" s="147">
        <v>0</v>
      </c>
      <c r="Q382" s="147">
        <v>0</v>
      </c>
    </row>
    <row r="383" spans="1:17" s="83" customFormat="1" ht="34.5" customHeight="1" x14ac:dyDescent="0.15">
      <c r="A383" s="232"/>
      <c r="B383" s="119"/>
      <c r="C383" s="373"/>
      <c r="D383" s="373"/>
      <c r="E383" s="324" t="s">
        <v>235</v>
      </c>
      <c r="F383" s="325"/>
      <c r="G383" s="325"/>
      <c r="H383" s="326"/>
      <c r="I383" s="365"/>
      <c r="J383" s="140">
        <v>57</v>
      </c>
      <c r="K383" s="81" t="s">
        <v>542</v>
      </c>
      <c r="L383" s="147">
        <v>2</v>
      </c>
      <c r="M383" s="147">
        <v>43</v>
      </c>
      <c r="N383" s="147">
        <v>12</v>
      </c>
      <c r="O383" s="147">
        <v>0</v>
      </c>
      <c r="P383" s="147">
        <v>0</v>
      </c>
      <c r="Q383" s="147">
        <v>0</v>
      </c>
    </row>
    <row r="384" spans="1:17" s="83" customFormat="1" ht="34.5" customHeight="1" x14ac:dyDescent="0.15">
      <c r="A384" s="232"/>
      <c r="B384" s="119"/>
      <c r="C384" s="373"/>
      <c r="D384" s="373"/>
      <c r="E384" s="324" t="s">
        <v>236</v>
      </c>
      <c r="F384" s="325"/>
      <c r="G384" s="325"/>
      <c r="H384" s="326"/>
      <c r="I384" s="365"/>
      <c r="J384" s="140">
        <v>12</v>
      </c>
      <c r="K384" s="81" t="s">
        <v>542</v>
      </c>
      <c r="L384" s="147">
        <v>2</v>
      </c>
      <c r="M384" s="147">
        <v>0</v>
      </c>
      <c r="N384" s="147">
        <v>1</v>
      </c>
      <c r="O384" s="147">
        <v>2</v>
      </c>
      <c r="P384" s="147">
        <v>5</v>
      </c>
      <c r="Q384" s="147">
        <v>2</v>
      </c>
    </row>
    <row r="385" spans="1:17" s="83" customFormat="1" ht="34.5" customHeight="1" x14ac:dyDescent="0.15">
      <c r="A385" s="232"/>
      <c r="B385" s="119"/>
      <c r="C385" s="373"/>
      <c r="D385" s="373"/>
      <c r="E385" s="324" t="s">
        <v>237</v>
      </c>
      <c r="F385" s="325"/>
      <c r="G385" s="325"/>
      <c r="H385" s="326"/>
      <c r="I385" s="365"/>
      <c r="J385" s="140">
        <v>0</v>
      </c>
      <c r="K385" s="81" t="s">
        <v>542</v>
      </c>
      <c r="L385" s="147">
        <v>0</v>
      </c>
      <c r="M385" s="147">
        <v>0</v>
      </c>
      <c r="N385" s="147">
        <v>0</v>
      </c>
      <c r="O385" s="147">
        <v>0</v>
      </c>
      <c r="P385" s="147">
        <v>0</v>
      </c>
      <c r="Q385" s="147">
        <v>0</v>
      </c>
    </row>
    <row r="386" spans="1:17" s="83" customFormat="1" ht="34.5" customHeight="1" x14ac:dyDescent="0.15">
      <c r="A386" s="232"/>
      <c r="B386" s="119"/>
      <c r="C386" s="373"/>
      <c r="D386" s="373"/>
      <c r="E386" s="324" t="s">
        <v>238</v>
      </c>
      <c r="F386" s="325"/>
      <c r="G386" s="325"/>
      <c r="H386" s="326"/>
      <c r="I386" s="365"/>
      <c r="J386" s="140">
        <v>0</v>
      </c>
      <c r="K386" s="81" t="s">
        <v>542</v>
      </c>
      <c r="L386" s="147">
        <v>0</v>
      </c>
      <c r="M386" s="147">
        <v>0</v>
      </c>
      <c r="N386" s="147">
        <v>0</v>
      </c>
      <c r="O386" s="147">
        <v>0</v>
      </c>
      <c r="P386" s="147">
        <v>0</v>
      </c>
      <c r="Q386" s="147">
        <v>0</v>
      </c>
    </row>
    <row r="387" spans="1:17" s="83" customFormat="1" ht="34.5" customHeight="1" x14ac:dyDescent="0.15">
      <c r="A387" s="232"/>
      <c r="B387" s="119"/>
      <c r="C387" s="373"/>
      <c r="D387" s="380"/>
      <c r="E387" s="343" t="s">
        <v>166</v>
      </c>
      <c r="F387" s="344"/>
      <c r="G387" s="344"/>
      <c r="H387" s="345"/>
      <c r="I387" s="365"/>
      <c r="J387" s="140">
        <v>0</v>
      </c>
      <c r="K387" s="81" t="s">
        <v>542</v>
      </c>
      <c r="L387" s="147">
        <v>0</v>
      </c>
      <c r="M387" s="147">
        <v>0</v>
      </c>
      <c r="N387" s="147">
        <v>0</v>
      </c>
      <c r="O387" s="147">
        <v>0</v>
      </c>
      <c r="P387" s="147">
        <v>0</v>
      </c>
      <c r="Q387" s="147">
        <v>0</v>
      </c>
    </row>
    <row r="388" spans="1:17" s="83" customFormat="1" ht="34.5" customHeight="1" x14ac:dyDescent="0.15">
      <c r="A388" s="232"/>
      <c r="B388" s="119"/>
      <c r="C388" s="373"/>
      <c r="D388" s="324" t="s">
        <v>251</v>
      </c>
      <c r="E388" s="325"/>
      <c r="F388" s="325"/>
      <c r="G388" s="325"/>
      <c r="H388" s="326"/>
      <c r="I388" s="365"/>
      <c r="J388" s="140">
        <v>78</v>
      </c>
      <c r="K388" s="81" t="s">
        <v>542</v>
      </c>
      <c r="L388" s="147">
        <v>4</v>
      </c>
      <c r="M388" s="147">
        <v>44</v>
      </c>
      <c r="N388" s="147">
        <v>16</v>
      </c>
      <c r="O388" s="147">
        <v>4</v>
      </c>
      <c r="P388" s="147">
        <v>7</v>
      </c>
      <c r="Q388" s="147">
        <v>3</v>
      </c>
    </row>
    <row r="389" spans="1:17" s="83" customFormat="1" ht="34.5" customHeight="1" x14ac:dyDescent="0.15">
      <c r="A389" s="232"/>
      <c r="B389" s="119"/>
      <c r="C389" s="373"/>
      <c r="D389" s="379" t="s">
        <v>240</v>
      </c>
      <c r="E389" s="381" t="s">
        <v>241</v>
      </c>
      <c r="F389" s="382"/>
      <c r="G389" s="382"/>
      <c r="H389" s="383"/>
      <c r="I389" s="365"/>
      <c r="J389" s="140">
        <v>0</v>
      </c>
      <c r="K389" s="81" t="s">
        <v>542</v>
      </c>
      <c r="L389" s="147">
        <v>0</v>
      </c>
      <c r="M389" s="147">
        <v>0</v>
      </c>
      <c r="N389" s="147">
        <v>0</v>
      </c>
      <c r="O389" s="147">
        <v>0</v>
      </c>
      <c r="P389" s="147">
        <v>0</v>
      </c>
      <c r="Q389" s="147">
        <v>0</v>
      </c>
    </row>
    <row r="390" spans="1:17" s="83" customFormat="1" ht="34.5" customHeight="1" x14ac:dyDescent="0.15">
      <c r="A390" s="232"/>
      <c r="B390" s="119"/>
      <c r="C390" s="373"/>
      <c r="D390" s="373"/>
      <c r="E390" s="324" t="s">
        <v>242</v>
      </c>
      <c r="F390" s="325"/>
      <c r="G390" s="325"/>
      <c r="H390" s="326"/>
      <c r="I390" s="365"/>
      <c r="J390" s="140">
        <v>55</v>
      </c>
      <c r="K390" s="81" t="s">
        <v>542</v>
      </c>
      <c r="L390" s="147">
        <v>0</v>
      </c>
      <c r="M390" s="147">
        <v>41</v>
      </c>
      <c r="N390" s="147">
        <v>14</v>
      </c>
      <c r="O390" s="147">
        <v>0</v>
      </c>
      <c r="P390" s="147">
        <v>0</v>
      </c>
      <c r="Q390" s="147">
        <v>0</v>
      </c>
    </row>
    <row r="391" spans="1:17" s="83" customFormat="1" ht="34.5" customHeight="1" x14ac:dyDescent="0.15">
      <c r="A391" s="232"/>
      <c r="B391" s="119"/>
      <c r="C391" s="373"/>
      <c r="D391" s="373"/>
      <c r="E391" s="324" t="s">
        <v>243</v>
      </c>
      <c r="F391" s="325"/>
      <c r="G391" s="325"/>
      <c r="H391" s="326"/>
      <c r="I391" s="365"/>
      <c r="J391" s="140">
        <v>16</v>
      </c>
      <c r="K391" s="81" t="s">
        <v>542</v>
      </c>
      <c r="L391" s="147">
        <v>2</v>
      </c>
      <c r="M391" s="147">
        <v>1</v>
      </c>
      <c r="N391" s="147">
        <v>1</v>
      </c>
      <c r="O391" s="147">
        <v>3</v>
      </c>
      <c r="P391" s="147">
        <v>7</v>
      </c>
      <c r="Q391" s="147">
        <v>2</v>
      </c>
    </row>
    <row r="392" spans="1:17" s="83" customFormat="1" ht="34.5" customHeight="1" x14ac:dyDescent="0.15">
      <c r="A392" s="232"/>
      <c r="B392" s="119"/>
      <c r="C392" s="373"/>
      <c r="D392" s="373"/>
      <c r="E392" s="324" t="s">
        <v>244</v>
      </c>
      <c r="F392" s="325"/>
      <c r="G392" s="325"/>
      <c r="H392" s="326"/>
      <c r="I392" s="365"/>
      <c r="J392" s="140">
        <v>0</v>
      </c>
      <c r="K392" s="81" t="s">
        <v>542</v>
      </c>
      <c r="L392" s="147">
        <v>0</v>
      </c>
      <c r="M392" s="147">
        <v>0</v>
      </c>
      <c r="N392" s="147">
        <v>0</v>
      </c>
      <c r="O392" s="147">
        <v>0</v>
      </c>
      <c r="P392" s="147">
        <v>0</v>
      </c>
      <c r="Q392" s="147">
        <v>0</v>
      </c>
    </row>
    <row r="393" spans="1:17" s="83" customFormat="1" ht="34.5" customHeight="1" x14ac:dyDescent="0.15">
      <c r="A393" s="232"/>
      <c r="B393" s="119"/>
      <c r="C393" s="373"/>
      <c r="D393" s="373"/>
      <c r="E393" s="324" t="s">
        <v>245</v>
      </c>
      <c r="F393" s="325"/>
      <c r="G393" s="325"/>
      <c r="H393" s="326"/>
      <c r="I393" s="365"/>
      <c r="J393" s="140">
        <v>0</v>
      </c>
      <c r="K393" s="81" t="s">
        <v>542</v>
      </c>
      <c r="L393" s="147">
        <v>0</v>
      </c>
      <c r="M393" s="147">
        <v>0</v>
      </c>
      <c r="N393" s="147">
        <v>0</v>
      </c>
      <c r="O393" s="147">
        <v>0</v>
      </c>
      <c r="P393" s="147">
        <v>0</v>
      </c>
      <c r="Q393" s="147">
        <v>0</v>
      </c>
    </row>
    <row r="394" spans="1:17" s="83" customFormat="1" ht="34.5" customHeight="1" x14ac:dyDescent="0.15">
      <c r="A394" s="232"/>
      <c r="B394" s="119"/>
      <c r="C394" s="373"/>
      <c r="D394" s="373"/>
      <c r="E394" s="324" t="s">
        <v>246</v>
      </c>
      <c r="F394" s="325"/>
      <c r="G394" s="325"/>
      <c r="H394" s="326"/>
      <c r="I394" s="365"/>
      <c r="J394" s="140">
        <v>0</v>
      </c>
      <c r="K394" s="81" t="s">
        <v>542</v>
      </c>
      <c r="L394" s="147">
        <v>0</v>
      </c>
      <c r="M394" s="147">
        <v>0</v>
      </c>
      <c r="N394" s="147">
        <v>0</v>
      </c>
      <c r="O394" s="147">
        <v>0</v>
      </c>
      <c r="P394" s="147">
        <v>0</v>
      </c>
      <c r="Q394" s="147">
        <v>0</v>
      </c>
    </row>
    <row r="395" spans="1:17" s="83" customFormat="1" ht="34.5" customHeight="1" x14ac:dyDescent="0.15">
      <c r="A395" s="232"/>
      <c r="B395" s="119"/>
      <c r="C395" s="373"/>
      <c r="D395" s="373"/>
      <c r="E395" s="324" t="s">
        <v>247</v>
      </c>
      <c r="F395" s="325"/>
      <c r="G395" s="325"/>
      <c r="H395" s="326"/>
      <c r="I395" s="365"/>
      <c r="J395" s="140">
        <v>7</v>
      </c>
      <c r="K395" s="81" t="s">
        <v>542</v>
      </c>
      <c r="L395" s="147">
        <v>2</v>
      </c>
      <c r="M395" s="147">
        <v>2</v>
      </c>
      <c r="N395" s="147">
        <v>1</v>
      </c>
      <c r="O395" s="147">
        <v>1</v>
      </c>
      <c r="P395" s="147">
        <v>0</v>
      </c>
      <c r="Q395" s="147">
        <v>1</v>
      </c>
    </row>
    <row r="396" spans="1:17" s="83" customFormat="1" ht="34.5" customHeight="1" x14ac:dyDescent="0.15">
      <c r="A396" s="232"/>
      <c r="B396" s="119"/>
      <c r="C396" s="373"/>
      <c r="D396" s="373"/>
      <c r="E396" s="324" t="s">
        <v>166</v>
      </c>
      <c r="F396" s="325"/>
      <c r="G396" s="325"/>
      <c r="H396" s="326"/>
      <c r="I396" s="366"/>
      <c r="J396" s="140">
        <v>0</v>
      </c>
      <c r="K396" s="81" t="s">
        <v>542</v>
      </c>
      <c r="L396" s="147">
        <v>0</v>
      </c>
      <c r="M396" s="147">
        <v>0</v>
      </c>
      <c r="N396" s="147">
        <v>0</v>
      </c>
      <c r="O396" s="147">
        <v>0</v>
      </c>
      <c r="P396" s="147">
        <v>0</v>
      </c>
      <c r="Q396" s="147">
        <v>0</v>
      </c>
    </row>
    <row r="397" spans="1:17" s="91" customFormat="1" x14ac:dyDescent="0.15">
      <c r="A397" s="232"/>
      <c r="B397" s="18"/>
      <c r="C397" s="18"/>
      <c r="D397" s="18"/>
      <c r="E397" s="18"/>
      <c r="F397" s="18"/>
      <c r="G397" s="18"/>
      <c r="H397" s="14"/>
      <c r="I397" s="14"/>
      <c r="J397" s="88"/>
      <c r="K397" s="89"/>
      <c r="L397" s="90"/>
      <c r="M397" s="90"/>
      <c r="N397" s="90"/>
      <c r="O397" s="90"/>
      <c r="P397" s="90"/>
      <c r="Q397" s="90"/>
    </row>
    <row r="398" spans="1:17" s="83" customFormat="1" x14ac:dyDescent="0.15">
      <c r="A398" s="232"/>
      <c r="B398" s="84"/>
      <c r="C398" s="62"/>
      <c r="D398" s="62"/>
      <c r="E398" s="62"/>
      <c r="F398" s="62"/>
      <c r="G398" s="62"/>
      <c r="H398" s="92"/>
      <c r="I398" s="92"/>
      <c r="J398" s="88"/>
      <c r="K398" s="89"/>
      <c r="L398" s="90"/>
      <c r="M398" s="90"/>
      <c r="N398" s="90"/>
      <c r="O398" s="90"/>
      <c r="P398" s="90"/>
      <c r="Q398" s="90"/>
    </row>
    <row r="399" spans="1:17" s="3" customFormat="1" x14ac:dyDescent="0.15">
      <c r="A399" s="232"/>
      <c r="B399" s="119"/>
      <c r="C399" s="184"/>
      <c r="D399" s="183"/>
      <c r="H399" s="206"/>
      <c r="I399" s="206"/>
      <c r="J399" s="61"/>
      <c r="K399" s="31"/>
      <c r="L399" s="108"/>
      <c r="M399" s="108"/>
      <c r="N399" s="108"/>
      <c r="O399" s="108"/>
      <c r="P399" s="108"/>
      <c r="Q399" s="108"/>
    </row>
    <row r="400" spans="1:17" s="3" customFormat="1" x14ac:dyDescent="0.15">
      <c r="A400" s="232"/>
      <c r="B400" s="18" t="s">
        <v>252</v>
      </c>
      <c r="C400" s="107"/>
      <c r="D400" s="107"/>
      <c r="E400" s="107"/>
      <c r="F400" s="107"/>
      <c r="G400" s="107"/>
      <c r="H400" s="14"/>
      <c r="I400" s="14"/>
      <c r="J400" s="61"/>
      <c r="K400" s="31"/>
      <c r="L400" s="108"/>
      <c r="M400" s="108"/>
      <c r="N400" s="108"/>
      <c r="O400" s="108"/>
      <c r="P400" s="108"/>
      <c r="Q400" s="108"/>
    </row>
    <row r="401" spans="1:22" x14ac:dyDescent="0.15">
      <c r="A401" s="232"/>
      <c r="B401" s="18"/>
      <c r="C401" s="18"/>
      <c r="D401" s="18"/>
      <c r="E401" s="18"/>
      <c r="F401" s="18"/>
      <c r="G401" s="18"/>
      <c r="H401" s="14"/>
      <c r="I401" s="14"/>
      <c r="L401" s="76"/>
      <c r="M401" s="76"/>
      <c r="N401" s="76"/>
      <c r="O401" s="76"/>
      <c r="P401" s="76"/>
      <c r="Q401" s="76"/>
      <c r="R401" s="8"/>
      <c r="S401" s="8"/>
      <c r="T401" s="8"/>
      <c r="U401" s="8"/>
      <c r="V401" s="8"/>
    </row>
    <row r="402" spans="1:22" ht="34.5" customHeight="1" x14ac:dyDescent="0.15">
      <c r="A402" s="232"/>
      <c r="B402" s="18"/>
      <c r="C402" s="3"/>
      <c r="D402" s="3"/>
      <c r="F402" s="3"/>
      <c r="G402" s="3"/>
      <c r="H402" s="206"/>
      <c r="I402" s="206"/>
      <c r="J402" s="77" t="s">
        <v>35</v>
      </c>
      <c r="K402" s="185"/>
      <c r="L402" s="66" t="s">
        <v>525</v>
      </c>
      <c r="M402" s="66" t="s">
        <v>527</v>
      </c>
      <c r="N402" s="66" t="s">
        <v>528</v>
      </c>
      <c r="O402" s="66" t="s">
        <v>529</v>
      </c>
      <c r="P402" s="66" t="s">
        <v>530</v>
      </c>
      <c r="Q402" s="66" t="s">
        <v>531</v>
      </c>
      <c r="R402" s="8"/>
      <c r="S402" s="8"/>
      <c r="T402" s="8"/>
      <c r="U402" s="8"/>
      <c r="V402" s="8"/>
    </row>
    <row r="403" spans="1:22" ht="20.25" customHeight="1" x14ac:dyDescent="0.15">
      <c r="A403" s="232"/>
      <c r="B403" s="1"/>
      <c r="C403" s="62"/>
      <c r="D403" s="3"/>
      <c r="F403" s="3"/>
      <c r="G403" s="3"/>
      <c r="H403" s="206"/>
      <c r="I403" s="67" t="s">
        <v>220</v>
      </c>
      <c r="J403" s="68"/>
      <c r="K403" s="186"/>
      <c r="L403" s="70" t="s">
        <v>526</v>
      </c>
      <c r="M403" s="70" t="s">
        <v>526</v>
      </c>
      <c r="N403" s="70" t="s">
        <v>526</v>
      </c>
      <c r="O403" s="70" t="s">
        <v>526</v>
      </c>
      <c r="P403" s="70" t="s">
        <v>526</v>
      </c>
      <c r="Q403" s="70" t="s">
        <v>526</v>
      </c>
      <c r="R403" s="8"/>
      <c r="S403" s="8"/>
      <c r="T403" s="8"/>
      <c r="U403" s="8"/>
      <c r="V403" s="8"/>
    </row>
    <row r="404" spans="1:22" s="83" customFormat="1" ht="34.5" customHeight="1" x14ac:dyDescent="0.15">
      <c r="A404" s="232"/>
      <c r="B404" s="119"/>
      <c r="C404" s="343" t="s">
        <v>253</v>
      </c>
      <c r="D404" s="344"/>
      <c r="E404" s="344"/>
      <c r="F404" s="344"/>
      <c r="G404" s="344"/>
      <c r="H404" s="345"/>
      <c r="I404" s="335" t="s">
        <v>254</v>
      </c>
      <c r="J404" s="140">
        <v>2</v>
      </c>
      <c r="K404" s="187" t="s">
        <v>542</v>
      </c>
      <c r="L404" s="147">
        <v>0</v>
      </c>
      <c r="M404" s="147">
        <v>1</v>
      </c>
      <c r="N404" s="147">
        <v>1</v>
      </c>
      <c r="O404" s="147">
        <v>0</v>
      </c>
      <c r="P404" s="147">
        <v>0</v>
      </c>
      <c r="Q404" s="147">
        <v>0</v>
      </c>
    </row>
    <row r="405" spans="1:22" s="83" customFormat="1" ht="34.5" customHeight="1" x14ac:dyDescent="0.15">
      <c r="A405" s="232"/>
      <c r="B405" s="119"/>
      <c r="C405" s="188"/>
      <c r="D405" s="189"/>
      <c r="E405" s="370" t="s">
        <v>255</v>
      </c>
      <c r="F405" s="371"/>
      <c r="G405" s="371"/>
      <c r="H405" s="372"/>
      <c r="I405" s="336"/>
      <c r="J405" s="140">
        <v>0</v>
      </c>
      <c r="K405" s="187" t="s">
        <v>542</v>
      </c>
      <c r="L405" s="147">
        <v>0</v>
      </c>
      <c r="M405" s="147">
        <v>0</v>
      </c>
      <c r="N405" s="147">
        <v>0</v>
      </c>
      <c r="O405" s="147">
        <v>0</v>
      </c>
      <c r="P405" s="147">
        <v>0</v>
      </c>
      <c r="Q405" s="147">
        <v>0</v>
      </c>
    </row>
    <row r="406" spans="1:22" s="83" customFormat="1" ht="34.5" customHeight="1" x14ac:dyDescent="0.15">
      <c r="A406" s="232"/>
      <c r="B406" s="119"/>
      <c r="C406" s="188"/>
      <c r="D406" s="189"/>
      <c r="E406" s="370" t="s">
        <v>256</v>
      </c>
      <c r="F406" s="371"/>
      <c r="G406" s="371"/>
      <c r="H406" s="372"/>
      <c r="I406" s="336"/>
      <c r="J406" s="140">
        <v>2</v>
      </c>
      <c r="K406" s="187" t="s">
        <v>542</v>
      </c>
      <c r="L406" s="147">
        <v>0</v>
      </c>
      <c r="M406" s="147">
        <v>1</v>
      </c>
      <c r="N406" s="147">
        <v>1</v>
      </c>
      <c r="O406" s="147">
        <v>0</v>
      </c>
      <c r="P406" s="147">
        <v>0</v>
      </c>
      <c r="Q406" s="147">
        <v>0</v>
      </c>
    </row>
    <row r="407" spans="1:22" s="83" customFormat="1" ht="34.5" customHeight="1" x14ac:dyDescent="0.15">
      <c r="A407" s="232"/>
      <c r="B407" s="119"/>
      <c r="C407" s="188"/>
      <c r="D407" s="189"/>
      <c r="E407" s="370" t="s">
        <v>257</v>
      </c>
      <c r="F407" s="371"/>
      <c r="G407" s="371"/>
      <c r="H407" s="372"/>
      <c r="I407" s="336"/>
      <c r="J407" s="140">
        <v>0</v>
      </c>
      <c r="K407" s="187" t="s">
        <v>542</v>
      </c>
      <c r="L407" s="147">
        <v>0</v>
      </c>
      <c r="M407" s="147">
        <v>0</v>
      </c>
      <c r="N407" s="147">
        <v>0</v>
      </c>
      <c r="O407" s="147">
        <v>0</v>
      </c>
      <c r="P407" s="147">
        <v>0</v>
      </c>
      <c r="Q407" s="147">
        <v>0</v>
      </c>
    </row>
    <row r="408" spans="1:22" s="83" customFormat="1" ht="34.5" customHeight="1" x14ac:dyDescent="0.15">
      <c r="A408" s="232"/>
      <c r="B408" s="1"/>
      <c r="C408" s="190"/>
      <c r="D408" s="191"/>
      <c r="E408" s="370" t="s">
        <v>258</v>
      </c>
      <c r="F408" s="371"/>
      <c r="G408" s="371"/>
      <c r="H408" s="372"/>
      <c r="I408" s="337"/>
      <c r="J408" s="140">
        <v>0</v>
      </c>
      <c r="K408" s="187" t="s">
        <v>542</v>
      </c>
      <c r="L408" s="147">
        <v>0</v>
      </c>
      <c r="M408" s="147">
        <v>0</v>
      </c>
      <c r="N408" s="147">
        <v>0</v>
      </c>
      <c r="O408" s="147">
        <v>0</v>
      </c>
      <c r="P408" s="147">
        <v>0</v>
      </c>
      <c r="Q408" s="147">
        <v>0</v>
      </c>
    </row>
    <row r="409" spans="1:22" s="83" customFormat="1" ht="34.5" customHeight="1" x14ac:dyDescent="0.15">
      <c r="A409" s="232"/>
      <c r="B409" s="119"/>
      <c r="C409" s="400" t="s">
        <v>259</v>
      </c>
      <c r="D409" s="422"/>
      <c r="E409" s="422"/>
      <c r="F409" s="422"/>
      <c r="G409" s="422"/>
      <c r="H409" s="401"/>
      <c r="I409" s="352" t="s">
        <v>260</v>
      </c>
      <c r="J409" s="192">
        <v>78</v>
      </c>
      <c r="K409" s="193" t="s">
        <v>542</v>
      </c>
      <c r="L409" s="147">
        <v>4</v>
      </c>
      <c r="M409" s="147">
        <v>44</v>
      </c>
      <c r="N409" s="147">
        <v>16</v>
      </c>
      <c r="O409" s="147">
        <v>4</v>
      </c>
      <c r="P409" s="147">
        <v>7</v>
      </c>
      <c r="Q409" s="147">
        <v>3</v>
      </c>
    </row>
    <row r="410" spans="1:22" s="83" customFormat="1" ht="34.5" customHeight="1" x14ac:dyDescent="0.15">
      <c r="A410" s="232"/>
      <c r="B410" s="119"/>
      <c r="C410" s="188"/>
      <c r="D410" s="189"/>
      <c r="E410" s="370" t="s">
        <v>255</v>
      </c>
      <c r="F410" s="371"/>
      <c r="G410" s="371"/>
      <c r="H410" s="372"/>
      <c r="I410" s="365"/>
      <c r="J410" s="140">
        <v>2</v>
      </c>
      <c r="K410" s="187" t="s">
        <v>542</v>
      </c>
      <c r="L410" s="147">
        <v>0</v>
      </c>
      <c r="M410" s="147">
        <v>1</v>
      </c>
      <c r="N410" s="147">
        <v>1</v>
      </c>
      <c r="O410" s="147">
        <v>0</v>
      </c>
      <c r="P410" s="147">
        <v>0</v>
      </c>
      <c r="Q410" s="147">
        <v>0</v>
      </c>
    </row>
    <row r="411" spans="1:22" s="83" customFormat="1" ht="34.5" customHeight="1" x14ac:dyDescent="0.15">
      <c r="A411" s="232"/>
      <c r="B411" s="119"/>
      <c r="C411" s="188"/>
      <c r="D411" s="189"/>
      <c r="E411" s="370" t="s">
        <v>256</v>
      </c>
      <c r="F411" s="371"/>
      <c r="G411" s="371"/>
      <c r="H411" s="372"/>
      <c r="I411" s="365"/>
      <c r="J411" s="140">
        <v>54</v>
      </c>
      <c r="K411" s="187" t="s">
        <v>542</v>
      </c>
      <c r="L411" s="147">
        <v>2</v>
      </c>
      <c r="M411" s="147">
        <v>39</v>
      </c>
      <c r="N411" s="147">
        <v>13</v>
      </c>
      <c r="O411" s="147">
        <v>0</v>
      </c>
      <c r="P411" s="147">
        <v>0</v>
      </c>
      <c r="Q411" s="147">
        <v>0</v>
      </c>
    </row>
    <row r="412" spans="1:22" s="83" customFormat="1" ht="34.5" customHeight="1" x14ac:dyDescent="0.15">
      <c r="A412" s="232"/>
      <c r="B412" s="119"/>
      <c r="C412" s="188"/>
      <c r="D412" s="189"/>
      <c r="E412" s="370" t="s">
        <v>257</v>
      </c>
      <c r="F412" s="371"/>
      <c r="G412" s="371"/>
      <c r="H412" s="372"/>
      <c r="I412" s="365"/>
      <c r="J412" s="140">
        <v>22</v>
      </c>
      <c r="K412" s="187" t="s">
        <v>542</v>
      </c>
      <c r="L412" s="147">
        <v>2</v>
      </c>
      <c r="M412" s="147">
        <v>4</v>
      </c>
      <c r="N412" s="147">
        <v>2</v>
      </c>
      <c r="O412" s="147">
        <v>4</v>
      </c>
      <c r="P412" s="147">
        <v>7</v>
      </c>
      <c r="Q412" s="147">
        <v>3</v>
      </c>
    </row>
    <row r="413" spans="1:22" s="83" customFormat="1" ht="34.5" customHeight="1" x14ac:dyDescent="0.15">
      <c r="A413" s="232"/>
      <c r="B413" s="1"/>
      <c r="C413" s="190"/>
      <c r="D413" s="191"/>
      <c r="E413" s="370" t="s">
        <v>258</v>
      </c>
      <c r="F413" s="371"/>
      <c r="G413" s="371"/>
      <c r="H413" s="372"/>
      <c r="I413" s="366"/>
      <c r="J413" s="140">
        <v>0</v>
      </c>
      <c r="K413" s="187" t="s">
        <v>542</v>
      </c>
      <c r="L413" s="147">
        <v>0</v>
      </c>
      <c r="M413" s="147">
        <v>0</v>
      </c>
      <c r="N413" s="147">
        <v>0</v>
      </c>
      <c r="O413" s="147">
        <v>0</v>
      </c>
      <c r="P413" s="147">
        <v>0</v>
      </c>
      <c r="Q413" s="147">
        <v>0</v>
      </c>
    </row>
    <row r="414" spans="1:22" s="91" customFormat="1" x14ac:dyDescent="0.15">
      <c r="A414" s="232"/>
      <c r="B414" s="18"/>
      <c r="C414" s="18"/>
      <c r="D414" s="18"/>
      <c r="E414" s="18"/>
      <c r="F414" s="18"/>
      <c r="G414" s="18"/>
      <c r="H414" s="14"/>
      <c r="I414" s="14"/>
      <c r="J414" s="88"/>
      <c r="K414" s="89"/>
      <c r="L414" s="90"/>
      <c r="M414" s="90"/>
      <c r="N414" s="90"/>
      <c r="O414" s="90"/>
      <c r="P414" s="90"/>
      <c r="Q414" s="90"/>
    </row>
    <row r="415" spans="1:22" s="83" customFormat="1" x14ac:dyDescent="0.15">
      <c r="A415" s="232"/>
      <c r="B415" s="84"/>
      <c r="C415" s="62"/>
      <c r="D415" s="62"/>
      <c r="E415" s="62"/>
      <c r="F415" s="62"/>
      <c r="G415" s="62"/>
      <c r="H415" s="92"/>
      <c r="I415" s="92"/>
      <c r="J415" s="88"/>
      <c r="K415" s="89"/>
      <c r="L415" s="90"/>
      <c r="M415" s="90"/>
      <c r="N415" s="90"/>
      <c r="O415" s="90"/>
      <c r="P415" s="90"/>
      <c r="Q415" s="90"/>
    </row>
    <row r="416" spans="1:22" s="91" customFormat="1" x14ac:dyDescent="0.15">
      <c r="A416" s="232"/>
      <c r="B416" s="1"/>
      <c r="C416" s="194"/>
      <c r="D416" s="3"/>
      <c r="E416" s="3"/>
      <c r="F416" s="3"/>
      <c r="G416" s="3"/>
      <c r="H416" s="195"/>
      <c r="I416" s="195"/>
      <c r="J416" s="61"/>
      <c r="K416" s="31"/>
      <c r="L416" s="108"/>
      <c r="M416" s="108"/>
      <c r="N416" s="108"/>
      <c r="O416" s="108"/>
      <c r="P416" s="108"/>
      <c r="Q416" s="108"/>
    </row>
    <row r="417" spans="1:22" s="3" customFormat="1" x14ac:dyDescent="0.15">
      <c r="A417" s="232"/>
      <c r="B417" s="18" t="s">
        <v>261</v>
      </c>
      <c r="C417" s="107"/>
      <c r="D417" s="107"/>
      <c r="E417" s="107"/>
      <c r="F417" s="107"/>
      <c r="G417" s="107"/>
      <c r="H417" s="14"/>
      <c r="I417" s="14"/>
      <c r="J417" s="61"/>
      <c r="K417" s="31"/>
      <c r="L417" s="108"/>
      <c r="M417" s="108"/>
      <c r="N417" s="108"/>
      <c r="O417" s="108"/>
      <c r="P417" s="108"/>
      <c r="Q417" s="108"/>
    </row>
    <row r="418" spans="1:22" s="91" customFormat="1" x14ac:dyDescent="0.15">
      <c r="A418" s="232"/>
      <c r="B418" s="119" t="s">
        <v>262</v>
      </c>
      <c r="C418" s="3"/>
      <c r="D418" s="3"/>
      <c r="E418" s="3"/>
      <c r="F418" s="3"/>
      <c r="G418" s="3"/>
      <c r="H418" s="206"/>
      <c r="I418" s="206"/>
      <c r="J418" s="61"/>
      <c r="K418" s="31"/>
      <c r="L418" s="108"/>
      <c r="M418" s="108"/>
      <c r="N418" s="108"/>
      <c r="O418" s="108"/>
      <c r="P418" s="108"/>
      <c r="Q418" s="108"/>
    </row>
    <row r="419" spans="1:22" x14ac:dyDescent="0.15">
      <c r="A419" s="232"/>
      <c r="B419" s="18"/>
      <c r="C419" s="18"/>
      <c r="D419" s="18"/>
      <c r="E419" s="18"/>
      <c r="F419" s="18"/>
      <c r="G419" s="18"/>
      <c r="H419" s="14"/>
      <c r="I419" s="14"/>
      <c r="L419" s="76"/>
      <c r="M419" s="76"/>
      <c r="N419" s="76"/>
      <c r="O419" s="76"/>
      <c r="P419" s="76"/>
      <c r="Q419" s="76"/>
      <c r="R419" s="8"/>
      <c r="S419" s="8"/>
      <c r="T419" s="8"/>
      <c r="U419" s="8"/>
      <c r="V419" s="8"/>
    </row>
    <row r="420" spans="1:22" ht="34.5" customHeight="1" x14ac:dyDescent="0.15">
      <c r="A420" s="232"/>
      <c r="B420" s="18"/>
      <c r="C420" s="3"/>
      <c r="D420" s="3"/>
      <c r="F420" s="3"/>
      <c r="G420" s="3"/>
      <c r="H420" s="206"/>
      <c r="I420" s="206"/>
      <c r="J420" s="77" t="s">
        <v>35</v>
      </c>
      <c r="K420" s="185"/>
      <c r="L420" s="66" t="s">
        <v>525</v>
      </c>
      <c r="M420" s="66" t="s">
        <v>527</v>
      </c>
      <c r="N420" s="66" t="s">
        <v>528</v>
      </c>
      <c r="O420" s="66" t="s">
        <v>529</v>
      </c>
      <c r="P420" s="66" t="s">
        <v>530</v>
      </c>
      <c r="Q420" s="66" t="s">
        <v>531</v>
      </c>
      <c r="R420" s="8"/>
      <c r="S420" s="8"/>
      <c r="T420" s="8"/>
      <c r="U420" s="8"/>
      <c r="V420" s="8"/>
    </row>
    <row r="421" spans="1:22" ht="20.25" customHeight="1" x14ac:dyDescent="0.15">
      <c r="A421" s="232"/>
      <c r="B421" s="1"/>
      <c r="C421" s="3"/>
      <c r="D421" s="3"/>
      <c r="F421" s="3"/>
      <c r="G421" s="3"/>
      <c r="H421" s="206"/>
      <c r="I421" s="67" t="s">
        <v>220</v>
      </c>
      <c r="J421" s="68"/>
      <c r="K421" s="186"/>
      <c r="L421" s="70" t="s">
        <v>526</v>
      </c>
      <c r="M421" s="70" t="s">
        <v>526</v>
      </c>
      <c r="N421" s="70" t="s">
        <v>526</v>
      </c>
      <c r="O421" s="70" t="s">
        <v>526</v>
      </c>
      <c r="P421" s="70" t="s">
        <v>526</v>
      </c>
      <c r="Q421" s="70" t="s">
        <v>526</v>
      </c>
      <c r="R421" s="8"/>
      <c r="S421" s="8"/>
      <c r="T421" s="8"/>
      <c r="U421" s="8"/>
      <c r="V421" s="8"/>
    </row>
    <row r="422" spans="1:22" s="83" customFormat="1" ht="34.5" customHeight="1" x14ac:dyDescent="0.15">
      <c r="A422" s="232"/>
      <c r="B422" s="119"/>
      <c r="C422" s="367" t="s">
        <v>263</v>
      </c>
      <c r="D422" s="368"/>
      <c r="E422" s="368"/>
      <c r="F422" s="368"/>
      <c r="G422" s="368"/>
      <c r="H422" s="369"/>
      <c r="I422" s="335" t="s">
        <v>264</v>
      </c>
      <c r="J422" s="140">
        <v>0</v>
      </c>
      <c r="K422" s="187" t="s">
        <v>542</v>
      </c>
      <c r="L422" s="157"/>
      <c r="M422" s="157"/>
      <c r="N422" s="157"/>
      <c r="O422" s="157"/>
      <c r="P422" s="157"/>
      <c r="Q422" s="158"/>
    </row>
    <row r="423" spans="1:22" s="83" customFormat="1" ht="34.5" customHeight="1" x14ac:dyDescent="0.15">
      <c r="A423" s="232"/>
      <c r="B423" s="119"/>
      <c r="C423" s="188"/>
      <c r="D423" s="196"/>
      <c r="E423" s="324" t="s">
        <v>265</v>
      </c>
      <c r="F423" s="325"/>
      <c r="G423" s="325"/>
      <c r="H423" s="326"/>
      <c r="I423" s="336"/>
      <c r="J423" s="140" t="s">
        <v>533</v>
      </c>
      <c r="K423" s="187" t="s">
        <v>542</v>
      </c>
      <c r="L423" s="161"/>
      <c r="M423" s="161"/>
      <c r="N423" s="161"/>
      <c r="O423" s="161"/>
      <c r="P423" s="161"/>
      <c r="Q423" s="162"/>
    </row>
    <row r="424" spans="1:22" s="83" customFormat="1" ht="34.5" customHeight="1" x14ac:dyDescent="0.15">
      <c r="A424" s="232"/>
      <c r="B424" s="119"/>
      <c r="C424" s="190"/>
      <c r="D424" s="197"/>
      <c r="E424" s="324" t="s">
        <v>266</v>
      </c>
      <c r="F424" s="325"/>
      <c r="G424" s="325"/>
      <c r="H424" s="326"/>
      <c r="I424" s="336"/>
      <c r="J424" s="140" t="s">
        <v>533</v>
      </c>
      <c r="K424" s="187" t="s">
        <v>542</v>
      </c>
      <c r="L424" s="161"/>
      <c r="M424" s="161"/>
      <c r="N424" s="161"/>
      <c r="O424" s="161"/>
      <c r="P424" s="161"/>
      <c r="Q424" s="162"/>
    </row>
    <row r="425" spans="1:22" s="83" customFormat="1" ht="34.5" customHeight="1" x14ac:dyDescent="0.15">
      <c r="A425" s="232"/>
      <c r="B425" s="119"/>
      <c r="C425" s="362" t="s">
        <v>267</v>
      </c>
      <c r="D425" s="363"/>
      <c r="E425" s="363"/>
      <c r="F425" s="363"/>
      <c r="G425" s="363"/>
      <c r="H425" s="364"/>
      <c r="I425" s="336"/>
      <c r="J425" s="192">
        <v>0</v>
      </c>
      <c r="K425" s="187" t="s">
        <v>542</v>
      </c>
      <c r="L425" s="161"/>
      <c r="M425" s="161"/>
      <c r="N425" s="161"/>
      <c r="O425" s="161"/>
      <c r="P425" s="161"/>
      <c r="Q425" s="162"/>
    </row>
    <row r="426" spans="1:22" s="83" customFormat="1" ht="34.5" customHeight="1" x14ac:dyDescent="0.15">
      <c r="A426" s="232"/>
      <c r="B426" s="119"/>
      <c r="C426" s="188"/>
      <c r="D426" s="196"/>
      <c r="E426" s="324" t="s">
        <v>268</v>
      </c>
      <c r="F426" s="325"/>
      <c r="G426" s="325"/>
      <c r="H426" s="326"/>
      <c r="I426" s="336"/>
      <c r="J426" s="140" t="s">
        <v>533</v>
      </c>
      <c r="K426" s="187" t="s">
        <v>542</v>
      </c>
      <c r="L426" s="161"/>
      <c r="M426" s="161"/>
      <c r="N426" s="161"/>
      <c r="O426" s="161"/>
      <c r="P426" s="161"/>
      <c r="Q426" s="162"/>
    </row>
    <row r="427" spans="1:22" s="83" customFormat="1" ht="34.5" customHeight="1" x14ac:dyDescent="0.15">
      <c r="A427" s="232"/>
      <c r="B427" s="119"/>
      <c r="C427" s="190"/>
      <c r="D427" s="197"/>
      <c r="E427" s="324" t="s">
        <v>269</v>
      </c>
      <c r="F427" s="325"/>
      <c r="G427" s="325"/>
      <c r="H427" s="326"/>
      <c r="I427" s="337"/>
      <c r="J427" s="140" t="s">
        <v>533</v>
      </c>
      <c r="K427" s="187" t="s">
        <v>542</v>
      </c>
      <c r="L427" s="163"/>
      <c r="M427" s="163"/>
      <c r="N427" s="163"/>
      <c r="O427" s="163"/>
      <c r="P427" s="163"/>
      <c r="Q427" s="164"/>
    </row>
    <row r="428" spans="1:22" s="91" customFormat="1" x14ac:dyDescent="0.15">
      <c r="A428" s="232"/>
      <c r="B428" s="18"/>
      <c r="C428" s="18"/>
      <c r="D428" s="18"/>
      <c r="E428" s="18"/>
      <c r="F428" s="18"/>
      <c r="G428" s="18"/>
      <c r="H428" s="14"/>
      <c r="I428" s="14"/>
      <c r="J428" s="88"/>
      <c r="K428" s="89"/>
      <c r="L428" s="90"/>
      <c r="M428" s="90"/>
      <c r="N428" s="90"/>
      <c r="O428" s="90"/>
      <c r="P428" s="90"/>
      <c r="Q428" s="90"/>
    </row>
    <row r="429" spans="1:22" s="83" customFormat="1" x14ac:dyDescent="0.15">
      <c r="A429" s="232"/>
      <c r="B429" s="84"/>
      <c r="C429" s="62"/>
      <c r="D429" s="62"/>
      <c r="E429" s="62"/>
      <c r="F429" s="62"/>
      <c r="G429" s="62"/>
      <c r="H429" s="92"/>
      <c r="I429" s="92"/>
      <c r="J429" s="88"/>
      <c r="K429" s="89"/>
      <c r="L429" s="90"/>
      <c r="M429" s="90"/>
      <c r="N429" s="90"/>
      <c r="O429" s="90"/>
      <c r="P429" s="90"/>
      <c r="Q429" s="90"/>
    </row>
    <row r="430" spans="1:22" s="83" customFormat="1" x14ac:dyDescent="0.15">
      <c r="A430" s="232"/>
      <c r="B430" s="119"/>
      <c r="C430" s="119"/>
      <c r="D430" s="62"/>
      <c r="E430" s="62"/>
      <c r="F430" s="62"/>
      <c r="G430" s="62"/>
      <c r="H430" s="92"/>
      <c r="I430" s="167" t="s">
        <v>213</v>
      </c>
      <c r="J430" s="88"/>
      <c r="K430" s="89"/>
      <c r="L430" s="90"/>
      <c r="M430" s="90"/>
      <c r="N430" s="90"/>
      <c r="O430" s="90"/>
      <c r="P430" s="90"/>
      <c r="Q430" s="90"/>
    </row>
    <row r="431" spans="1:22" s="83" customFormat="1" x14ac:dyDescent="0.15">
      <c r="A431" s="232"/>
      <c r="B431" s="119"/>
      <c r="C431" s="119"/>
      <c r="D431" s="62"/>
      <c r="E431" s="62"/>
      <c r="F431" s="62"/>
      <c r="G431" s="62"/>
      <c r="H431" s="92"/>
      <c r="I431" s="92"/>
      <c r="J431" s="88"/>
      <c r="K431" s="89"/>
      <c r="L431" s="90"/>
      <c r="M431" s="90"/>
      <c r="N431" s="90"/>
      <c r="O431" s="90"/>
      <c r="P431" s="90"/>
      <c r="Q431" s="90"/>
    </row>
    <row r="432" spans="1:22" s="83" customFormat="1" x14ac:dyDescent="0.15">
      <c r="A432" s="232"/>
      <c r="B432" s="119"/>
      <c r="C432" s="119"/>
      <c r="D432" s="62"/>
      <c r="E432" s="62"/>
      <c r="F432" s="62"/>
      <c r="G432" s="62"/>
      <c r="H432" s="92"/>
      <c r="I432" s="92"/>
      <c r="J432" s="88"/>
      <c r="K432" s="89"/>
      <c r="L432" s="90"/>
      <c r="M432" s="90"/>
      <c r="N432" s="90"/>
      <c r="O432" s="90"/>
      <c r="P432" s="90"/>
      <c r="Q432" s="90"/>
    </row>
    <row r="433" spans="1:22" s="21" customFormat="1" x14ac:dyDescent="0.15">
      <c r="A433" s="232"/>
      <c r="B433" s="1"/>
      <c r="C433" s="51"/>
      <c r="D433" s="35"/>
      <c r="E433" s="35"/>
      <c r="F433" s="35"/>
      <c r="G433" s="35"/>
      <c r="H433" s="20"/>
      <c r="I433" s="53"/>
      <c r="J433" s="5"/>
      <c r="K433" s="6"/>
      <c r="M433" s="49"/>
      <c r="N433" s="49"/>
      <c r="O433" s="49"/>
      <c r="P433" s="49"/>
      <c r="Q433" s="49"/>
      <c r="R433" s="8"/>
    </row>
    <row r="434" spans="1:22" s="21" customFormat="1" x14ac:dyDescent="0.15">
      <c r="A434" s="232"/>
      <c r="B434" s="1"/>
      <c r="C434" s="51"/>
      <c r="D434" s="35"/>
      <c r="E434" s="35"/>
      <c r="F434" s="35"/>
      <c r="G434" s="35"/>
      <c r="H434" s="20"/>
      <c r="I434" s="53"/>
      <c r="J434" s="5"/>
      <c r="K434" s="6"/>
      <c r="M434" s="49"/>
      <c r="N434" s="49"/>
      <c r="O434" s="49"/>
      <c r="P434" s="49"/>
      <c r="Q434" s="49"/>
      <c r="R434" s="8"/>
    </row>
    <row r="435" spans="1:22" s="21" customFormat="1" x14ac:dyDescent="0.15">
      <c r="A435" s="232"/>
      <c r="B435" s="1"/>
      <c r="H435" s="51"/>
      <c r="M435" s="37"/>
      <c r="N435" s="37"/>
      <c r="O435" s="37"/>
      <c r="P435" s="37"/>
      <c r="Q435" s="37"/>
      <c r="R435" s="8"/>
    </row>
    <row r="436" spans="1:22" s="21" customFormat="1" x14ac:dyDescent="0.15">
      <c r="A436" s="232"/>
      <c r="B436" s="1"/>
      <c r="H436" s="51"/>
      <c r="M436" s="49"/>
      <c r="N436" s="49"/>
      <c r="O436" s="49"/>
      <c r="P436" s="49"/>
      <c r="Q436" s="49"/>
      <c r="R436" s="8"/>
    </row>
    <row r="437" spans="1:22" s="21" customFormat="1" x14ac:dyDescent="0.15">
      <c r="A437" s="232"/>
      <c r="B437" s="1"/>
      <c r="H437" s="51"/>
      <c r="M437" s="37"/>
      <c r="N437" s="37"/>
      <c r="O437" s="37"/>
      <c r="P437" s="37"/>
      <c r="Q437" s="37"/>
      <c r="R437" s="8"/>
    </row>
    <row r="438" spans="1:22" s="21" customFormat="1" x14ac:dyDescent="0.15">
      <c r="A438" s="232"/>
      <c r="B438" s="1"/>
      <c r="H438" s="51"/>
      <c r="M438" s="37"/>
      <c r="N438" s="37"/>
      <c r="O438" s="37"/>
      <c r="P438" s="37"/>
      <c r="Q438" s="37"/>
      <c r="R438" s="8"/>
    </row>
    <row r="439" spans="1:22" s="21" customFormat="1" x14ac:dyDescent="0.15">
      <c r="A439" s="232"/>
      <c r="B439" s="1"/>
      <c r="H439" s="51"/>
      <c r="L439" s="7"/>
      <c r="M439" s="7"/>
      <c r="N439" s="7"/>
      <c r="O439" s="7"/>
      <c r="P439" s="7"/>
      <c r="Q439" s="7"/>
      <c r="R439" s="8"/>
    </row>
    <row r="440" spans="1:22" s="21" customFormat="1" x14ac:dyDescent="0.15">
      <c r="A440" s="232"/>
      <c r="B440" s="1"/>
      <c r="C440" s="40"/>
      <c r="D440" s="40"/>
      <c r="E440" s="40"/>
      <c r="F440" s="40"/>
      <c r="G440" s="198"/>
      <c r="H440" s="40"/>
      <c r="I440" s="40"/>
      <c r="J440" s="40"/>
      <c r="K440" s="50"/>
      <c r="L440" s="40"/>
      <c r="M440" s="40"/>
      <c r="N440" s="40"/>
      <c r="O440" s="40"/>
      <c r="P440" s="40"/>
      <c r="Q440" s="40"/>
      <c r="R440" s="8"/>
    </row>
    <row r="441" spans="1:22" s="21" customFormat="1" x14ac:dyDescent="0.15">
      <c r="A441" s="232"/>
      <c r="B441" s="1"/>
      <c r="C441" s="62"/>
      <c r="D441" s="3"/>
      <c r="E441" s="3"/>
      <c r="F441" s="3"/>
      <c r="G441" s="3"/>
      <c r="H441" s="206"/>
      <c r="I441" s="206"/>
      <c r="J441" s="63"/>
      <c r="K441" s="31"/>
      <c r="L441" s="61"/>
      <c r="M441" s="61"/>
      <c r="N441" s="61"/>
      <c r="O441" s="61"/>
      <c r="P441" s="61"/>
      <c r="Q441" s="61"/>
      <c r="R441" s="8"/>
    </row>
    <row r="442" spans="1:22" s="91" customFormat="1" ht="19.5" x14ac:dyDescent="0.15">
      <c r="A442" s="232"/>
      <c r="B442" s="180" t="s">
        <v>280</v>
      </c>
      <c r="C442" s="199"/>
      <c r="D442" s="57"/>
      <c r="E442" s="57"/>
      <c r="F442" s="57"/>
      <c r="G442" s="57"/>
      <c r="H442" s="58"/>
      <c r="I442" s="58"/>
      <c r="J442" s="60"/>
      <c r="K442" s="59"/>
      <c r="L442" s="182"/>
      <c r="M442" s="182"/>
      <c r="N442" s="182"/>
      <c r="O442" s="182"/>
      <c r="P442" s="182"/>
      <c r="Q442" s="182"/>
    </row>
    <row r="443" spans="1:22" s="91" customFormat="1" x14ac:dyDescent="0.15">
      <c r="A443" s="232"/>
      <c r="B443" s="18" t="s">
        <v>281</v>
      </c>
      <c r="C443" s="200"/>
      <c r="D443" s="3"/>
      <c r="E443" s="3"/>
      <c r="F443" s="3"/>
      <c r="G443" s="3"/>
      <c r="H443" s="206"/>
      <c r="I443" s="206"/>
      <c r="J443" s="61"/>
      <c r="K443" s="31"/>
      <c r="L443" s="108"/>
      <c r="M443" s="108"/>
      <c r="N443" s="108"/>
      <c r="O443" s="108"/>
      <c r="P443" s="108"/>
      <c r="Q443" s="108"/>
    </row>
    <row r="444" spans="1:22" x14ac:dyDescent="0.15">
      <c r="A444" s="232"/>
      <c r="B444" s="18"/>
      <c r="C444" s="18"/>
      <c r="D444" s="18"/>
      <c r="E444" s="18"/>
      <c r="F444" s="18"/>
      <c r="G444" s="18"/>
      <c r="H444" s="14"/>
      <c r="I444" s="14"/>
      <c r="L444" s="76"/>
      <c r="M444" s="76"/>
      <c r="N444" s="76"/>
      <c r="O444" s="76"/>
      <c r="P444" s="76"/>
      <c r="Q444" s="76"/>
      <c r="R444" s="8"/>
      <c r="S444" s="8"/>
      <c r="T444" s="8"/>
      <c r="U444" s="8"/>
      <c r="V444" s="8"/>
    </row>
    <row r="445" spans="1:22" ht="34.5" customHeight="1" x14ac:dyDescent="0.15">
      <c r="A445" s="232"/>
      <c r="B445" s="18"/>
      <c r="C445" s="3"/>
      <c r="D445" s="3"/>
      <c r="F445" s="3"/>
      <c r="G445" s="3"/>
      <c r="H445" s="206"/>
      <c r="I445" s="206"/>
      <c r="J445" s="77" t="s">
        <v>35</v>
      </c>
      <c r="K445" s="185"/>
      <c r="L445" s="66" t="s">
        <v>525</v>
      </c>
      <c r="M445" s="66" t="s">
        <v>527</v>
      </c>
      <c r="N445" s="66" t="s">
        <v>528</v>
      </c>
      <c r="O445" s="66" t="s">
        <v>529</v>
      </c>
      <c r="P445" s="66" t="s">
        <v>530</v>
      </c>
      <c r="Q445" s="66" t="s">
        <v>531</v>
      </c>
      <c r="R445" s="8"/>
      <c r="S445" s="8"/>
      <c r="T445" s="8"/>
      <c r="U445" s="8"/>
      <c r="V445" s="8"/>
    </row>
    <row r="446" spans="1:22" ht="20.25" customHeight="1" x14ac:dyDescent="0.15">
      <c r="A446" s="232"/>
      <c r="B446" s="1"/>
      <c r="C446" s="62"/>
      <c r="D446" s="3"/>
      <c r="F446" s="3"/>
      <c r="G446" s="3"/>
      <c r="H446" s="206"/>
      <c r="I446" s="67" t="s">
        <v>220</v>
      </c>
      <c r="J446" s="68"/>
      <c r="K446" s="186"/>
      <c r="L446" s="70" t="s">
        <v>526</v>
      </c>
      <c r="M446" s="70" t="s">
        <v>526</v>
      </c>
      <c r="N446" s="70" t="s">
        <v>526</v>
      </c>
      <c r="O446" s="70" t="s">
        <v>526</v>
      </c>
      <c r="P446" s="70" t="s">
        <v>526</v>
      </c>
      <c r="Q446" s="70" t="s">
        <v>526</v>
      </c>
      <c r="R446" s="8"/>
      <c r="S446" s="8"/>
      <c r="T446" s="8"/>
      <c r="U446" s="8"/>
      <c r="V446" s="8"/>
    </row>
    <row r="447" spans="1:22" ht="34.5" customHeight="1" x14ac:dyDescent="0.15">
      <c r="A447" s="232"/>
      <c r="B447" s="1"/>
      <c r="C447" s="343" t="s">
        <v>282</v>
      </c>
      <c r="D447" s="344"/>
      <c r="E447" s="344"/>
      <c r="F447" s="344"/>
      <c r="G447" s="344"/>
      <c r="H447" s="345"/>
      <c r="I447" s="349" t="s">
        <v>283</v>
      </c>
      <c r="J447" s="116">
        <v>0</v>
      </c>
      <c r="K447" s="201" t="s">
        <v>542</v>
      </c>
      <c r="L447" s="117">
        <v>0</v>
      </c>
      <c r="M447" s="117">
        <v>0</v>
      </c>
      <c r="N447" s="117">
        <v>0</v>
      </c>
      <c r="O447" s="117">
        <v>0</v>
      </c>
      <c r="P447" s="117">
        <v>0</v>
      </c>
      <c r="Q447" s="117">
        <v>0</v>
      </c>
      <c r="R447" s="8"/>
      <c r="S447" s="8"/>
      <c r="T447" s="8"/>
      <c r="U447" s="8"/>
      <c r="V447" s="8"/>
    </row>
    <row r="448" spans="1:22" ht="34.5" customHeight="1" x14ac:dyDescent="0.15">
      <c r="A448" s="232"/>
      <c r="B448" s="1"/>
      <c r="C448" s="202"/>
      <c r="D448" s="359" t="s">
        <v>284</v>
      </c>
      <c r="E448" s="324" t="s">
        <v>285</v>
      </c>
      <c r="F448" s="325"/>
      <c r="G448" s="325"/>
      <c r="H448" s="326"/>
      <c r="I448" s="358"/>
      <c r="J448" s="116">
        <v>0</v>
      </c>
      <c r="K448" s="201" t="s">
        <v>542</v>
      </c>
      <c r="L448" s="117">
        <v>0</v>
      </c>
      <c r="M448" s="117">
        <v>0</v>
      </c>
      <c r="N448" s="117">
        <v>0</v>
      </c>
      <c r="O448" s="117">
        <v>0</v>
      </c>
      <c r="P448" s="117">
        <v>0</v>
      </c>
      <c r="Q448" s="117">
        <v>0</v>
      </c>
      <c r="R448" s="8"/>
      <c r="S448" s="8"/>
      <c r="T448" s="8"/>
      <c r="U448" s="8"/>
      <c r="V448" s="8"/>
    </row>
    <row r="449" spans="1:22" ht="34.5" customHeight="1" x14ac:dyDescent="0.15">
      <c r="A449" s="232"/>
      <c r="B449" s="1"/>
      <c r="C449" s="202"/>
      <c r="D449" s="360"/>
      <c r="E449" s="324" t="s">
        <v>286</v>
      </c>
      <c r="F449" s="325"/>
      <c r="G449" s="325"/>
      <c r="H449" s="326"/>
      <c r="I449" s="358"/>
      <c r="J449" s="116">
        <v>0</v>
      </c>
      <c r="K449" s="201" t="s">
        <v>542</v>
      </c>
      <c r="L449" s="117">
        <v>0</v>
      </c>
      <c r="M449" s="117">
        <v>0</v>
      </c>
      <c r="N449" s="117">
        <v>0</v>
      </c>
      <c r="O449" s="117">
        <v>0</v>
      </c>
      <c r="P449" s="117">
        <v>0</v>
      </c>
      <c r="Q449" s="117">
        <v>0</v>
      </c>
      <c r="R449" s="8"/>
      <c r="S449" s="8"/>
      <c r="T449" s="8"/>
      <c r="U449" s="8"/>
      <c r="V449" s="8"/>
    </row>
    <row r="450" spans="1:22" ht="34.5" customHeight="1" x14ac:dyDescent="0.15">
      <c r="A450" s="232"/>
      <c r="B450" s="1"/>
      <c r="C450" s="202"/>
      <c r="D450" s="360"/>
      <c r="E450" s="324" t="s">
        <v>287</v>
      </c>
      <c r="F450" s="325"/>
      <c r="G450" s="325"/>
      <c r="H450" s="326"/>
      <c r="I450" s="358"/>
      <c r="J450" s="116">
        <v>0</v>
      </c>
      <c r="K450" s="201" t="s">
        <v>542</v>
      </c>
      <c r="L450" s="117">
        <v>0</v>
      </c>
      <c r="M450" s="117">
        <v>0</v>
      </c>
      <c r="N450" s="117">
        <v>0</v>
      </c>
      <c r="O450" s="117">
        <v>0</v>
      </c>
      <c r="P450" s="117">
        <v>0</v>
      </c>
      <c r="Q450" s="117">
        <v>0</v>
      </c>
      <c r="R450" s="8"/>
      <c r="S450" s="8"/>
      <c r="T450" s="8"/>
      <c r="U450" s="8"/>
      <c r="V450" s="8"/>
    </row>
    <row r="451" spans="1:22" ht="34.5" customHeight="1" x14ac:dyDescent="0.15">
      <c r="A451" s="232"/>
      <c r="B451" s="1"/>
      <c r="C451" s="202"/>
      <c r="D451" s="360"/>
      <c r="E451" s="324" t="s">
        <v>288</v>
      </c>
      <c r="F451" s="325"/>
      <c r="G451" s="325"/>
      <c r="H451" s="326"/>
      <c r="I451" s="358"/>
      <c r="J451" s="116">
        <v>0</v>
      </c>
      <c r="K451" s="201" t="s">
        <v>542</v>
      </c>
      <c r="L451" s="117">
        <v>0</v>
      </c>
      <c r="M451" s="117">
        <v>0</v>
      </c>
      <c r="N451" s="117">
        <v>0</v>
      </c>
      <c r="O451" s="117">
        <v>0</v>
      </c>
      <c r="P451" s="117">
        <v>0</v>
      </c>
      <c r="Q451" s="117">
        <v>0</v>
      </c>
      <c r="R451" s="8"/>
      <c r="S451" s="8"/>
      <c r="T451" s="8"/>
      <c r="U451" s="8"/>
      <c r="V451" s="8"/>
    </row>
    <row r="452" spans="1:22" ht="34.5" customHeight="1" x14ac:dyDescent="0.15">
      <c r="A452" s="232"/>
      <c r="B452" s="1"/>
      <c r="C452" s="202"/>
      <c r="D452" s="360"/>
      <c r="E452" s="324" t="s">
        <v>289</v>
      </c>
      <c r="F452" s="325"/>
      <c r="G452" s="325"/>
      <c r="H452" s="326"/>
      <c r="I452" s="358"/>
      <c r="J452" s="116">
        <v>0</v>
      </c>
      <c r="K452" s="201" t="s">
        <v>542</v>
      </c>
      <c r="L452" s="117">
        <v>0</v>
      </c>
      <c r="M452" s="117">
        <v>0</v>
      </c>
      <c r="N452" s="117">
        <v>0</v>
      </c>
      <c r="O452" s="117">
        <v>0</v>
      </c>
      <c r="P452" s="117">
        <v>0</v>
      </c>
      <c r="Q452" s="117">
        <v>0</v>
      </c>
      <c r="R452" s="8"/>
      <c r="S452" s="8"/>
      <c r="T452" s="8"/>
      <c r="U452" s="8"/>
      <c r="V452" s="8"/>
    </row>
    <row r="453" spans="1:22" ht="34.5" customHeight="1" x14ac:dyDescent="0.15">
      <c r="A453" s="232"/>
      <c r="B453" s="1"/>
      <c r="C453" s="202"/>
      <c r="D453" s="360"/>
      <c r="E453" s="324" t="s">
        <v>290</v>
      </c>
      <c r="F453" s="325"/>
      <c r="G453" s="325"/>
      <c r="H453" s="326"/>
      <c r="I453" s="358"/>
      <c r="J453" s="116">
        <v>0</v>
      </c>
      <c r="K453" s="201" t="s">
        <v>542</v>
      </c>
      <c r="L453" s="117">
        <v>0</v>
      </c>
      <c r="M453" s="117">
        <v>0</v>
      </c>
      <c r="N453" s="117">
        <v>0</v>
      </c>
      <c r="O453" s="117">
        <v>0</v>
      </c>
      <c r="P453" s="117">
        <v>0</v>
      </c>
      <c r="Q453" s="117">
        <v>0</v>
      </c>
      <c r="R453" s="8"/>
      <c r="S453" s="8"/>
      <c r="T453" s="8"/>
      <c r="U453" s="8"/>
      <c r="V453" s="8"/>
    </row>
    <row r="454" spans="1:22" ht="34.5" customHeight="1" x14ac:dyDescent="0.15">
      <c r="A454" s="232"/>
      <c r="B454" s="1"/>
      <c r="C454" s="202"/>
      <c r="D454" s="360"/>
      <c r="E454" s="324" t="s">
        <v>291</v>
      </c>
      <c r="F454" s="325"/>
      <c r="G454" s="325"/>
      <c r="H454" s="326"/>
      <c r="I454" s="358"/>
      <c r="J454" s="116">
        <v>0</v>
      </c>
      <c r="K454" s="201" t="s">
        <v>542</v>
      </c>
      <c r="L454" s="117">
        <v>0</v>
      </c>
      <c r="M454" s="117">
        <v>0</v>
      </c>
      <c r="N454" s="117">
        <v>0</v>
      </c>
      <c r="O454" s="117">
        <v>0</v>
      </c>
      <c r="P454" s="117">
        <v>0</v>
      </c>
      <c r="Q454" s="117">
        <v>0</v>
      </c>
      <c r="R454" s="8"/>
      <c r="S454" s="8"/>
      <c r="T454" s="8"/>
      <c r="U454" s="8"/>
      <c r="V454" s="8"/>
    </row>
    <row r="455" spans="1:22" ht="34.5" customHeight="1" x14ac:dyDescent="0.15">
      <c r="A455" s="232"/>
      <c r="B455" s="1"/>
      <c r="C455" s="202"/>
      <c r="D455" s="360"/>
      <c r="E455" s="324" t="s">
        <v>292</v>
      </c>
      <c r="F455" s="325"/>
      <c r="G455" s="325"/>
      <c r="H455" s="326"/>
      <c r="I455" s="358"/>
      <c r="J455" s="116">
        <v>0</v>
      </c>
      <c r="K455" s="201" t="s">
        <v>542</v>
      </c>
      <c r="L455" s="117">
        <v>0</v>
      </c>
      <c r="M455" s="117">
        <v>0</v>
      </c>
      <c r="N455" s="117">
        <v>0</v>
      </c>
      <c r="O455" s="117">
        <v>0</v>
      </c>
      <c r="P455" s="117">
        <v>0</v>
      </c>
      <c r="Q455" s="117">
        <v>0</v>
      </c>
      <c r="R455" s="8"/>
      <c r="S455" s="8"/>
      <c r="T455" s="8"/>
      <c r="U455" s="8"/>
      <c r="V455" s="8"/>
    </row>
    <row r="456" spans="1:22" ht="34.5" customHeight="1" x14ac:dyDescent="0.15">
      <c r="A456" s="232"/>
      <c r="B456" s="1"/>
      <c r="C456" s="202"/>
      <c r="D456" s="360"/>
      <c r="E456" s="324" t="s">
        <v>293</v>
      </c>
      <c r="F456" s="325"/>
      <c r="G456" s="325"/>
      <c r="H456" s="326"/>
      <c r="I456" s="358"/>
      <c r="J456" s="116">
        <v>0</v>
      </c>
      <c r="K456" s="201" t="s">
        <v>542</v>
      </c>
      <c r="L456" s="117">
        <v>0</v>
      </c>
      <c r="M456" s="117">
        <v>0</v>
      </c>
      <c r="N456" s="117">
        <v>0</v>
      </c>
      <c r="O456" s="117">
        <v>0</v>
      </c>
      <c r="P456" s="117">
        <v>0</v>
      </c>
      <c r="Q456" s="117">
        <v>0</v>
      </c>
      <c r="R456" s="8"/>
      <c r="S456" s="8"/>
      <c r="T456" s="8"/>
      <c r="U456" s="8"/>
      <c r="V456" s="8"/>
    </row>
    <row r="457" spans="1:22" ht="34.5" customHeight="1" x14ac:dyDescent="0.15">
      <c r="A457" s="232"/>
      <c r="B457" s="1"/>
      <c r="C457" s="202"/>
      <c r="D457" s="360"/>
      <c r="E457" s="324" t="s">
        <v>294</v>
      </c>
      <c r="F457" s="325"/>
      <c r="G457" s="325"/>
      <c r="H457" s="326"/>
      <c r="I457" s="358"/>
      <c r="J457" s="116">
        <v>0</v>
      </c>
      <c r="K457" s="201" t="s">
        <v>542</v>
      </c>
      <c r="L457" s="117">
        <v>0</v>
      </c>
      <c r="M457" s="117">
        <v>0</v>
      </c>
      <c r="N457" s="117">
        <v>0</v>
      </c>
      <c r="O457" s="117">
        <v>0</v>
      </c>
      <c r="P457" s="117">
        <v>0</v>
      </c>
      <c r="Q457" s="117">
        <v>0</v>
      </c>
      <c r="R457" s="8"/>
      <c r="S457" s="8"/>
      <c r="T457" s="8"/>
      <c r="U457" s="8"/>
      <c r="V457" s="8"/>
    </row>
    <row r="458" spans="1:22" ht="34.5" customHeight="1" x14ac:dyDescent="0.15">
      <c r="A458" s="232"/>
      <c r="B458" s="1"/>
      <c r="C458" s="202"/>
      <c r="D458" s="360"/>
      <c r="E458" s="324" t="s">
        <v>295</v>
      </c>
      <c r="F458" s="325"/>
      <c r="G458" s="325"/>
      <c r="H458" s="326"/>
      <c r="I458" s="358"/>
      <c r="J458" s="116">
        <v>0</v>
      </c>
      <c r="K458" s="201" t="s">
        <v>542</v>
      </c>
      <c r="L458" s="117">
        <v>0</v>
      </c>
      <c r="M458" s="117">
        <v>0</v>
      </c>
      <c r="N458" s="117">
        <v>0</v>
      </c>
      <c r="O458" s="117">
        <v>0</v>
      </c>
      <c r="P458" s="117">
        <v>0</v>
      </c>
      <c r="Q458" s="117">
        <v>0</v>
      </c>
      <c r="R458" s="8"/>
      <c r="S458" s="8"/>
      <c r="T458" s="8"/>
      <c r="U458" s="8"/>
      <c r="V458" s="8"/>
    </row>
    <row r="459" spans="1:22" ht="34.5" customHeight="1" x14ac:dyDescent="0.15">
      <c r="A459" s="232"/>
      <c r="B459" s="1"/>
      <c r="C459" s="202"/>
      <c r="D459" s="361"/>
      <c r="E459" s="324" t="s">
        <v>296</v>
      </c>
      <c r="F459" s="325"/>
      <c r="G459" s="325"/>
      <c r="H459" s="326"/>
      <c r="I459" s="350"/>
      <c r="J459" s="116">
        <v>0</v>
      </c>
      <c r="K459" s="201" t="s">
        <v>542</v>
      </c>
      <c r="L459" s="117">
        <v>0</v>
      </c>
      <c r="M459" s="117">
        <v>0</v>
      </c>
      <c r="N459" s="117">
        <v>0</v>
      </c>
      <c r="O459" s="117">
        <v>0</v>
      </c>
      <c r="P459" s="117">
        <v>0</v>
      </c>
      <c r="Q459" s="117">
        <v>0</v>
      </c>
      <c r="R459" s="8"/>
      <c r="S459" s="8"/>
      <c r="T459" s="8"/>
      <c r="U459" s="8"/>
      <c r="V459" s="8"/>
    </row>
    <row r="460" spans="1:22" ht="34.5" customHeight="1" x14ac:dyDescent="0.15">
      <c r="A460" s="232"/>
      <c r="B460" s="159"/>
      <c r="C460" s="343" t="s">
        <v>297</v>
      </c>
      <c r="D460" s="344"/>
      <c r="E460" s="344"/>
      <c r="F460" s="344"/>
      <c r="G460" s="344"/>
      <c r="H460" s="345"/>
      <c r="I460" s="349" t="s">
        <v>298</v>
      </c>
      <c r="J460" s="116">
        <v>0</v>
      </c>
      <c r="K460" s="201" t="s">
        <v>542</v>
      </c>
      <c r="L460" s="117">
        <v>0</v>
      </c>
      <c r="M460" s="117">
        <v>0</v>
      </c>
      <c r="N460" s="117">
        <v>0</v>
      </c>
      <c r="O460" s="117">
        <v>0</v>
      </c>
      <c r="P460" s="117">
        <v>0</v>
      </c>
      <c r="Q460" s="117">
        <v>0</v>
      </c>
      <c r="R460" s="8"/>
      <c r="S460" s="8"/>
      <c r="T460" s="8"/>
      <c r="U460" s="8"/>
      <c r="V460" s="8"/>
    </row>
    <row r="461" spans="1:22" ht="34.5" customHeight="1" x14ac:dyDescent="0.15">
      <c r="A461" s="232"/>
      <c r="B461" s="1"/>
      <c r="C461" s="202"/>
      <c r="D461" s="359" t="s">
        <v>299</v>
      </c>
      <c r="E461" s="324" t="s">
        <v>285</v>
      </c>
      <c r="F461" s="325"/>
      <c r="G461" s="325"/>
      <c r="H461" s="326"/>
      <c r="I461" s="358"/>
      <c r="J461" s="116">
        <v>0</v>
      </c>
      <c r="K461" s="201" t="s">
        <v>542</v>
      </c>
      <c r="L461" s="117">
        <v>0</v>
      </c>
      <c r="M461" s="117">
        <v>0</v>
      </c>
      <c r="N461" s="117">
        <v>0</v>
      </c>
      <c r="O461" s="117">
        <v>0</v>
      </c>
      <c r="P461" s="117">
        <v>0</v>
      </c>
      <c r="Q461" s="117">
        <v>0</v>
      </c>
      <c r="R461" s="8"/>
      <c r="S461" s="8"/>
      <c r="T461" s="8"/>
      <c r="U461" s="8"/>
      <c r="V461" s="8"/>
    </row>
    <row r="462" spans="1:22" ht="34.5" customHeight="1" x14ac:dyDescent="0.15">
      <c r="A462" s="232"/>
      <c r="B462" s="1"/>
      <c r="C462" s="202"/>
      <c r="D462" s="360"/>
      <c r="E462" s="324" t="s">
        <v>286</v>
      </c>
      <c r="F462" s="325"/>
      <c r="G462" s="325"/>
      <c r="H462" s="326"/>
      <c r="I462" s="358"/>
      <c r="J462" s="116">
        <v>0</v>
      </c>
      <c r="K462" s="201" t="s">
        <v>542</v>
      </c>
      <c r="L462" s="117">
        <v>0</v>
      </c>
      <c r="M462" s="117">
        <v>0</v>
      </c>
      <c r="N462" s="117">
        <v>0</v>
      </c>
      <c r="O462" s="117">
        <v>0</v>
      </c>
      <c r="P462" s="117">
        <v>0</v>
      </c>
      <c r="Q462" s="117">
        <v>0</v>
      </c>
      <c r="R462" s="8"/>
      <c r="S462" s="8"/>
      <c r="T462" s="8"/>
      <c r="U462" s="8"/>
      <c r="V462" s="8"/>
    </row>
    <row r="463" spans="1:22" ht="34.5" customHeight="1" x14ac:dyDescent="0.15">
      <c r="A463" s="232"/>
      <c r="B463" s="1"/>
      <c r="C463" s="202"/>
      <c r="D463" s="360"/>
      <c r="E463" s="324" t="s">
        <v>287</v>
      </c>
      <c r="F463" s="325"/>
      <c r="G463" s="325"/>
      <c r="H463" s="326"/>
      <c r="I463" s="358"/>
      <c r="J463" s="116">
        <v>0</v>
      </c>
      <c r="K463" s="201" t="s">
        <v>542</v>
      </c>
      <c r="L463" s="117">
        <v>0</v>
      </c>
      <c r="M463" s="117">
        <v>0</v>
      </c>
      <c r="N463" s="117">
        <v>0</v>
      </c>
      <c r="O463" s="117">
        <v>0</v>
      </c>
      <c r="P463" s="117">
        <v>0</v>
      </c>
      <c r="Q463" s="117">
        <v>0</v>
      </c>
      <c r="R463" s="8"/>
      <c r="S463" s="8"/>
      <c r="T463" s="8"/>
      <c r="U463" s="8"/>
      <c r="V463" s="8"/>
    </row>
    <row r="464" spans="1:22" ht="34.5" customHeight="1" x14ac:dyDescent="0.15">
      <c r="A464" s="232"/>
      <c r="B464" s="1"/>
      <c r="C464" s="202"/>
      <c r="D464" s="360"/>
      <c r="E464" s="324" t="s">
        <v>288</v>
      </c>
      <c r="F464" s="325"/>
      <c r="G464" s="325"/>
      <c r="H464" s="326"/>
      <c r="I464" s="358"/>
      <c r="J464" s="116">
        <v>0</v>
      </c>
      <c r="K464" s="201" t="s">
        <v>542</v>
      </c>
      <c r="L464" s="117">
        <v>0</v>
      </c>
      <c r="M464" s="117">
        <v>0</v>
      </c>
      <c r="N464" s="117">
        <v>0</v>
      </c>
      <c r="O464" s="117">
        <v>0</v>
      </c>
      <c r="P464" s="117">
        <v>0</v>
      </c>
      <c r="Q464" s="117">
        <v>0</v>
      </c>
      <c r="R464" s="8"/>
      <c r="S464" s="8"/>
      <c r="T464" s="8"/>
      <c r="U464" s="8"/>
      <c r="V464" s="8"/>
    </row>
    <row r="465" spans="1:22" ht="34.5" customHeight="1" x14ac:dyDescent="0.15">
      <c r="A465" s="232"/>
      <c r="B465" s="1"/>
      <c r="C465" s="202"/>
      <c r="D465" s="360"/>
      <c r="E465" s="324" t="s">
        <v>289</v>
      </c>
      <c r="F465" s="325"/>
      <c r="G465" s="325"/>
      <c r="H465" s="326"/>
      <c r="I465" s="358"/>
      <c r="J465" s="116">
        <v>0</v>
      </c>
      <c r="K465" s="201" t="s">
        <v>542</v>
      </c>
      <c r="L465" s="117">
        <v>0</v>
      </c>
      <c r="M465" s="117">
        <v>0</v>
      </c>
      <c r="N465" s="117">
        <v>0</v>
      </c>
      <c r="O465" s="117">
        <v>0</v>
      </c>
      <c r="P465" s="117">
        <v>0</v>
      </c>
      <c r="Q465" s="117">
        <v>0</v>
      </c>
      <c r="R465" s="8"/>
      <c r="S465" s="8"/>
      <c r="T465" s="8"/>
      <c r="U465" s="8"/>
      <c r="V465" s="8"/>
    </row>
    <row r="466" spans="1:22" ht="34.5" customHeight="1" x14ac:dyDescent="0.15">
      <c r="A466" s="232"/>
      <c r="B466" s="1"/>
      <c r="C466" s="202"/>
      <c r="D466" s="360"/>
      <c r="E466" s="324" t="s">
        <v>290</v>
      </c>
      <c r="F466" s="325"/>
      <c r="G466" s="325"/>
      <c r="H466" s="326"/>
      <c r="I466" s="358"/>
      <c r="J466" s="116">
        <v>0</v>
      </c>
      <c r="K466" s="201" t="s">
        <v>542</v>
      </c>
      <c r="L466" s="117">
        <v>0</v>
      </c>
      <c r="M466" s="117">
        <v>0</v>
      </c>
      <c r="N466" s="117">
        <v>0</v>
      </c>
      <c r="O466" s="117">
        <v>0</v>
      </c>
      <c r="P466" s="117">
        <v>0</v>
      </c>
      <c r="Q466" s="117">
        <v>0</v>
      </c>
      <c r="R466" s="8"/>
      <c r="S466" s="8"/>
      <c r="T466" s="8"/>
      <c r="U466" s="8"/>
      <c r="V466" s="8"/>
    </row>
    <row r="467" spans="1:22" ht="34.5" customHeight="1" x14ac:dyDescent="0.15">
      <c r="A467" s="232"/>
      <c r="B467" s="1"/>
      <c r="C467" s="202"/>
      <c r="D467" s="360"/>
      <c r="E467" s="324" t="s">
        <v>291</v>
      </c>
      <c r="F467" s="325"/>
      <c r="G467" s="325"/>
      <c r="H467" s="326"/>
      <c r="I467" s="358"/>
      <c r="J467" s="116">
        <v>0</v>
      </c>
      <c r="K467" s="201" t="s">
        <v>542</v>
      </c>
      <c r="L467" s="117">
        <v>0</v>
      </c>
      <c r="M467" s="117">
        <v>0</v>
      </c>
      <c r="N467" s="117">
        <v>0</v>
      </c>
      <c r="O467" s="117">
        <v>0</v>
      </c>
      <c r="P467" s="117">
        <v>0</v>
      </c>
      <c r="Q467" s="117">
        <v>0</v>
      </c>
      <c r="R467" s="8"/>
      <c r="S467" s="8"/>
      <c r="T467" s="8"/>
      <c r="U467" s="8"/>
      <c r="V467" s="8"/>
    </row>
    <row r="468" spans="1:22" ht="34.5" customHeight="1" x14ac:dyDescent="0.15">
      <c r="A468" s="232"/>
      <c r="B468" s="1"/>
      <c r="C468" s="202"/>
      <c r="D468" s="360"/>
      <c r="E468" s="324" t="s">
        <v>292</v>
      </c>
      <c r="F468" s="325"/>
      <c r="G468" s="325"/>
      <c r="H468" s="326"/>
      <c r="I468" s="358"/>
      <c r="J468" s="116">
        <v>0</v>
      </c>
      <c r="K468" s="201" t="s">
        <v>542</v>
      </c>
      <c r="L468" s="117">
        <v>0</v>
      </c>
      <c r="M468" s="117">
        <v>0</v>
      </c>
      <c r="N468" s="117">
        <v>0</v>
      </c>
      <c r="O468" s="117">
        <v>0</v>
      </c>
      <c r="P468" s="117">
        <v>0</v>
      </c>
      <c r="Q468" s="117">
        <v>0</v>
      </c>
      <c r="R468" s="8"/>
      <c r="S468" s="8"/>
      <c r="T468" s="8"/>
      <c r="U468" s="8"/>
      <c r="V468" s="8"/>
    </row>
    <row r="469" spans="1:22" ht="34.5" customHeight="1" x14ac:dyDescent="0.15">
      <c r="A469" s="232"/>
      <c r="B469" s="1"/>
      <c r="C469" s="202"/>
      <c r="D469" s="360"/>
      <c r="E469" s="324" t="s">
        <v>293</v>
      </c>
      <c r="F469" s="325"/>
      <c r="G469" s="325"/>
      <c r="H469" s="326"/>
      <c r="I469" s="358"/>
      <c r="J469" s="116">
        <v>0</v>
      </c>
      <c r="K469" s="201" t="s">
        <v>542</v>
      </c>
      <c r="L469" s="117">
        <v>0</v>
      </c>
      <c r="M469" s="117">
        <v>0</v>
      </c>
      <c r="N469" s="117">
        <v>0</v>
      </c>
      <c r="O469" s="117">
        <v>0</v>
      </c>
      <c r="P469" s="117">
        <v>0</v>
      </c>
      <c r="Q469" s="117">
        <v>0</v>
      </c>
      <c r="R469" s="8"/>
      <c r="S469" s="8"/>
      <c r="T469" s="8"/>
      <c r="U469" s="8"/>
      <c r="V469" s="8"/>
    </row>
    <row r="470" spans="1:22" ht="34.5" customHeight="1" x14ac:dyDescent="0.15">
      <c r="A470" s="232"/>
      <c r="B470" s="1"/>
      <c r="C470" s="202"/>
      <c r="D470" s="360"/>
      <c r="E470" s="324" t="s">
        <v>294</v>
      </c>
      <c r="F470" s="325"/>
      <c r="G470" s="325"/>
      <c r="H470" s="326"/>
      <c r="I470" s="358"/>
      <c r="J470" s="116">
        <v>0</v>
      </c>
      <c r="K470" s="201" t="s">
        <v>542</v>
      </c>
      <c r="L470" s="117">
        <v>0</v>
      </c>
      <c r="M470" s="117">
        <v>0</v>
      </c>
      <c r="N470" s="117">
        <v>0</v>
      </c>
      <c r="O470" s="117">
        <v>0</v>
      </c>
      <c r="P470" s="117">
        <v>0</v>
      </c>
      <c r="Q470" s="117">
        <v>0</v>
      </c>
      <c r="R470" s="8"/>
      <c r="S470" s="8"/>
      <c r="T470" s="8"/>
      <c r="U470" s="8"/>
      <c r="V470" s="8"/>
    </row>
    <row r="471" spans="1:22" ht="34.5" customHeight="1" x14ac:dyDescent="0.15">
      <c r="A471" s="232"/>
      <c r="B471" s="1"/>
      <c r="C471" s="202"/>
      <c r="D471" s="360"/>
      <c r="E471" s="324" t="s">
        <v>295</v>
      </c>
      <c r="F471" s="325"/>
      <c r="G471" s="325"/>
      <c r="H471" s="326"/>
      <c r="I471" s="358"/>
      <c r="J471" s="116">
        <v>0</v>
      </c>
      <c r="K471" s="201" t="s">
        <v>542</v>
      </c>
      <c r="L471" s="117">
        <v>0</v>
      </c>
      <c r="M471" s="117">
        <v>0</v>
      </c>
      <c r="N471" s="117">
        <v>0</v>
      </c>
      <c r="O471" s="117">
        <v>0</v>
      </c>
      <c r="P471" s="117">
        <v>0</v>
      </c>
      <c r="Q471" s="117">
        <v>0</v>
      </c>
      <c r="R471" s="8"/>
      <c r="S471" s="8"/>
      <c r="T471" s="8"/>
      <c r="U471" s="8"/>
      <c r="V471" s="8"/>
    </row>
    <row r="472" spans="1:22" ht="34.5" customHeight="1" x14ac:dyDescent="0.15">
      <c r="A472" s="232"/>
      <c r="B472" s="1"/>
      <c r="C472" s="202"/>
      <c r="D472" s="361"/>
      <c r="E472" s="324" t="s">
        <v>296</v>
      </c>
      <c r="F472" s="325"/>
      <c r="G472" s="325"/>
      <c r="H472" s="326"/>
      <c r="I472" s="350"/>
      <c r="J472" s="116">
        <v>0</v>
      </c>
      <c r="K472" s="201" t="s">
        <v>542</v>
      </c>
      <c r="L472" s="117">
        <v>0</v>
      </c>
      <c r="M472" s="117">
        <v>0</v>
      </c>
      <c r="N472" s="117">
        <v>0</v>
      </c>
      <c r="O472" s="117">
        <v>0</v>
      </c>
      <c r="P472" s="117">
        <v>0</v>
      </c>
      <c r="Q472" s="117">
        <v>0</v>
      </c>
      <c r="R472" s="8"/>
      <c r="S472" s="8"/>
      <c r="T472" s="8"/>
      <c r="U472" s="8"/>
      <c r="V472" s="8"/>
    </row>
    <row r="473" spans="1:22" ht="57" x14ac:dyDescent="0.15">
      <c r="A473" s="232"/>
      <c r="B473" s="159"/>
      <c r="C473" s="324" t="s">
        <v>300</v>
      </c>
      <c r="D473" s="325"/>
      <c r="E473" s="325"/>
      <c r="F473" s="325"/>
      <c r="G473" s="325"/>
      <c r="H473" s="326"/>
      <c r="I473" s="122" t="s">
        <v>301</v>
      </c>
      <c r="J473" s="116">
        <v>0</v>
      </c>
      <c r="K473" s="201" t="s">
        <v>542</v>
      </c>
      <c r="L473" s="117">
        <v>0</v>
      </c>
      <c r="M473" s="117">
        <v>0</v>
      </c>
      <c r="N473" s="117">
        <v>0</v>
      </c>
      <c r="O473" s="117">
        <v>0</v>
      </c>
      <c r="P473" s="117">
        <v>0</v>
      </c>
      <c r="Q473" s="117">
        <v>0</v>
      </c>
      <c r="R473" s="8"/>
      <c r="S473" s="8"/>
      <c r="T473" s="8"/>
      <c r="U473" s="8"/>
      <c r="V473" s="8"/>
    </row>
    <row r="474" spans="1:22" ht="71.25" x14ac:dyDescent="0.15">
      <c r="A474" s="232"/>
      <c r="B474" s="159"/>
      <c r="C474" s="324" t="s">
        <v>302</v>
      </c>
      <c r="D474" s="325"/>
      <c r="E474" s="325"/>
      <c r="F474" s="325"/>
      <c r="G474" s="325"/>
      <c r="H474" s="326"/>
      <c r="I474" s="122" t="s">
        <v>303</v>
      </c>
      <c r="J474" s="116">
        <v>0</v>
      </c>
      <c r="K474" s="201" t="s">
        <v>542</v>
      </c>
      <c r="L474" s="117">
        <v>0</v>
      </c>
      <c r="M474" s="117">
        <v>0</v>
      </c>
      <c r="N474" s="117">
        <v>0</v>
      </c>
      <c r="O474" s="117">
        <v>0</v>
      </c>
      <c r="P474" s="117">
        <v>0</v>
      </c>
      <c r="Q474" s="117">
        <v>0</v>
      </c>
      <c r="R474" s="8"/>
      <c r="S474" s="8"/>
      <c r="T474" s="8"/>
      <c r="U474" s="8"/>
      <c r="V474" s="8"/>
    </row>
    <row r="475" spans="1:22" ht="71.25" x14ac:dyDescent="0.15">
      <c r="A475" s="232"/>
      <c r="B475" s="159"/>
      <c r="C475" s="324" t="s">
        <v>304</v>
      </c>
      <c r="D475" s="325"/>
      <c r="E475" s="325"/>
      <c r="F475" s="325"/>
      <c r="G475" s="325"/>
      <c r="H475" s="326"/>
      <c r="I475" s="122" t="s">
        <v>305</v>
      </c>
      <c r="J475" s="116">
        <v>0</v>
      </c>
      <c r="K475" s="201" t="s">
        <v>542</v>
      </c>
      <c r="L475" s="117">
        <v>0</v>
      </c>
      <c r="M475" s="117">
        <v>0</v>
      </c>
      <c r="N475" s="117">
        <v>0</v>
      </c>
      <c r="O475" s="117">
        <v>0</v>
      </c>
      <c r="P475" s="117">
        <v>0</v>
      </c>
      <c r="Q475" s="117">
        <v>0</v>
      </c>
      <c r="R475" s="8"/>
      <c r="S475" s="8"/>
      <c r="T475" s="8"/>
      <c r="U475" s="8"/>
      <c r="V475" s="8"/>
    </row>
    <row r="476" spans="1:22" s="91" customFormat="1" ht="17.25" customHeight="1" x14ac:dyDescent="0.15">
      <c r="A476" s="232"/>
      <c r="B476" s="18"/>
      <c r="C476" s="18"/>
      <c r="D476" s="18"/>
      <c r="E476" s="18"/>
      <c r="F476" s="18"/>
      <c r="G476" s="18"/>
      <c r="H476" s="14"/>
      <c r="I476" s="14"/>
      <c r="J476" s="88"/>
      <c r="K476" s="89"/>
      <c r="L476" s="90"/>
      <c r="M476" s="90"/>
      <c r="N476" s="90"/>
      <c r="O476" s="90"/>
      <c r="P476" s="90"/>
      <c r="Q476" s="90"/>
    </row>
    <row r="477" spans="1:22" s="83" customFormat="1" x14ac:dyDescent="0.15">
      <c r="A477" s="232"/>
      <c r="B477" s="84"/>
      <c r="C477" s="62"/>
      <c r="D477" s="62"/>
      <c r="E477" s="62"/>
      <c r="F477" s="62"/>
      <c r="G477" s="62"/>
      <c r="H477" s="92"/>
      <c r="I477" s="92"/>
      <c r="J477" s="88"/>
      <c r="K477" s="89"/>
      <c r="L477" s="90"/>
      <c r="M477" s="90"/>
      <c r="N477" s="90"/>
      <c r="O477" s="90"/>
      <c r="P477" s="90"/>
      <c r="Q477" s="90"/>
    </row>
    <row r="478" spans="1:22" x14ac:dyDescent="0.15">
      <c r="A478" s="232"/>
      <c r="B478" s="203"/>
      <c r="C478" s="3"/>
      <c r="D478" s="3"/>
      <c r="F478" s="3"/>
      <c r="G478" s="3"/>
      <c r="H478" s="206"/>
      <c r="I478" s="206"/>
      <c r="J478" s="61"/>
      <c r="K478" s="31"/>
      <c r="L478" s="108"/>
      <c r="M478" s="108"/>
      <c r="N478" s="108"/>
      <c r="O478" s="108"/>
      <c r="P478" s="108"/>
      <c r="Q478" s="108"/>
      <c r="R478" s="8"/>
      <c r="S478" s="8"/>
      <c r="T478" s="8"/>
      <c r="U478" s="8"/>
      <c r="V478" s="8"/>
    </row>
    <row r="479" spans="1:22" x14ac:dyDescent="0.15">
      <c r="A479" s="232"/>
      <c r="B479" s="18" t="s">
        <v>306</v>
      </c>
      <c r="C479" s="107"/>
      <c r="D479" s="107"/>
      <c r="E479" s="107"/>
      <c r="F479" s="107"/>
      <c r="G479" s="107"/>
      <c r="H479" s="14"/>
      <c r="I479" s="14"/>
      <c r="J479" s="61"/>
      <c r="K479" s="31"/>
      <c r="L479" s="108"/>
      <c r="M479" s="108"/>
      <c r="N479" s="108"/>
      <c r="O479" s="108"/>
      <c r="P479" s="108"/>
      <c r="Q479" s="108"/>
      <c r="R479" s="8"/>
      <c r="S479" s="8"/>
      <c r="T479" s="8"/>
      <c r="U479" s="8"/>
      <c r="V479" s="8"/>
    </row>
    <row r="480" spans="1:22" x14ac:dyDescent="0.15">
      <c r="A480" s="232"/>
      <c r="B480" s="18"/>
      <c r="C480" s="18"/>
      <c r="D480" s="18"/>
      <c r="E480" s="18"/>
      <c r="F480" s="18"/>
      <c r="G480" s="18"/>
      <c r="H480" s="14"/>
      <c r="I480" s="14"/>
      <c r="L480" s="76"/>
      <c r="M480" s="76"/>
      <c r="N480" s="76"/>
      <c r="O480" s="76"/>
      <c r="P480" s="76"/>
      <c r="Q480" s="76"/>
      <c r="R480" s="8"/>
      <c r="S480" s="8"/>
      <c r="T480" s="8"/>
      <c r="U480" s="8"/>
      <c r="V480" s="8"/>
    </row>
    <row r="481" spans="1:22" ht="34.5" customHeight="1" x14ac:dyDescent="0.15">
      <c r="A481" s="232"/>
      <c r="B481" s="18"/>
      <c r="C481" s="18" t="s">
        <v>307</v>
      </c>
      <c r="D481" s="3"/>
      <c r="F481" s="3"/>
      <c r="G481" s="3"/>
      <c r="H481" s="206"/>
      <c r="I481" s="206"/>
      <c r="J481" s="77" t="s">
        <v>35</v>
      </c>
      <c r="K481" s="185"/>
      <c r="L481" s="66" t="s">
        <v>525</v>
      </c>
      <c r="M481" s="66" t="s">
        <v>527</v>
      </c>
      <c r="N481" s="66" t="s">
        <v>528</v>
      </c>
      <c r="O481" s="66" t="s">
        <v>529</v>
      </c>
      <c r="P481" s="66" t="s">
        <v>530</v>
      </c>
      <c r="Q481" s="66" t="s">
        <v>531</v>
      </c>
      <c r="R481" s="8"/>
      <c r="S481" s="8"/>
      <c r="T481" s="8"/>
      <c r="U481" s="8"/>
      <c r="V481" s="8"/>
    </row>
    <row r="482" spans="1:22" ht="20.25" customHeight="1" x14ac:dyDescent="0.15">
      <c r="A482" s="232"/>
      <c r="B482" s="1"/>
      <c r="C482" s="330"/>
      <c r="D482" s="331"/>
      <c r="E482" s="331"/>
      <c r="F482" s="331"/>
      <c r="G482" s="107"/>
      <c r="H482" s="206"/>
      <c r="I482" s="67" t="s">
        <v>125</v>
      </c>
      <c r="J482" s="68"/>
      <c r="K482" s="186"/>
      <c r="L482" s="70" t="s">
        <v>526</v>
      </c>
      <c r="M482" s="70" t="s">
        <v>526</v>
      </c>
      <c r="N482" s="70" t="s">
        <v>526</v>
      </c>
      <c r="O482" s="70" t="s">
        <v>526</v>
      </c>
      <c r="P482" s="70" t="s">
        <v>526</v>
      </c>
      <c r="Q482" s="70" t="s">
        <v>526</v>
      </c>
      <c r="R482" s="8"/>
      <c r="S482" s="8"/>
      <c r="T482" s="8"/>
      <c r="U482" s="8"/>
      <c r="V482" s="8"/>
    </row>
    <row r="483" spans="1:22" ht="42.75" x14ac:dyDescent="0.15">
      <c r="A483" s="232"/>
      <c r="B483" s="1"/>
      <c r="C483" s="324" t="s">
        <v>308</v>
      </c>
      <c r="D483" s="325"/>
      <c r="E483" s="325"/>
      <c r="F483" s="325"/>
      <c r="G483" s="325"/>
      <c r="H483" s="326"/>
      <c r="I483" s="134" t="s">
        <v>309</v>
      </c>
      <c r="J483" s="116">
        <v>0</v>
      </c>
      <c r="K483" s="201" t="s">
        <v>542</v>
      </c>
      <c r="L483" s="117">
        <v>0</v>
      </c>
      <c r="M483" s="117">
        <v>0</v>
      </c>
      <c r="N483" s="117">
        <v>0</v>
      </c>
      <c r="O483" s="117">
        <v>0</v>
      </c>
      <c r="P483" s="117">
        <v>0</v>
      </c>
      <c r="Q483" s="117">
        <v>0</v>
      </c>
      <c r="R483" s="8"/>
      <c r="S483" s="8"/>
      <c r="T483" s="8"/>
      <c r="U483" s="8"/>
      <c r="V483" s="8"/>
    </row>
    <row r="484" spans="1:22" ht="71.25" x14ac:dyDescent="0.15">
      <c r="A484" s="232"/>
      <c r="B484" s="204"/>
      <c r="C484" s="324" t="s">
        <v>310</v>
      </c>
      <c r="D484" s="325"/>
      <c r="E484" s="325"/>
      <c r="F484" s="325"/>
      <c r="G484" s="325"/>
      <c r="H484" s="326"/>
      <c r="I484" s="122" t="s">
        <v>311</v>
      </c>
      <c r="J484" s="116">
        <v>0</v>
      </c>
      <c r="K484" s="201" t="s">
        <v>542</v>
      </c>
      <c r="L484" s="117">
        <v>0</v>
      </c>
      <c r="M484" s="117">
        <v>0</v>
      </c>
      <c r="N484" s="117">
        <v>0</v>
      </c>
      <c r="O484" s="117">
        <v>0</v>
      </c>
      <c r="P484" s="117">
        <v>0</v>
      </c>
      <c r="Q484" s="117">
        <v>0</v>
      </c>
      <c r="R484" s="8"/>
      <c r="S484" s="8"/>
      <c r="T484" s="8"/>
      <c r="U484" s="8"/>
      <c r="V484" s="8"/>
    </row>
    <row r="485" spans="1:22" ht="57" x14ac:dyDescent="0.15">
      <c r="A485" s="232"/>
      <c r="B485" s="204"/>
      <c r="C485" s="324" t="s">
        <v>312</v>
      </c>
      <c r="D485" s="325"/>
      <c r="E485" s="325"/>
      <c r="F485" s="325"/>
      <c r="G485" s="325"/>
      <c r="H485" s="326"/>
      <c r="I485" s="122" t="s">
        <v>313</v>
      </c>
      <c r="J485" s="116">
        <v>0</v>
      </c>
      <c r="K485" s="201" t="s">
        <v>542</v>
      </c>
      <c r="L485" s="117">
        <v>0</v>
      </c>
      <c r="M485" s="117">
        <v>0</v>
      </c>
      <c r="N485" s="117">
        <v>0</v>
      </c>
      <c r="O485" s="117">
        <v>0</v>
      </c>
      <c r="P485" s="117">
        <v>0</v>
      </c>
      <c r="Q485" s="117">
        <v>0</v>
      </c>
      <c r="R485" s="8"/>
      <c r="S485" s="8"/>
      <c r="T485" s="8"/>
      <c r="U485" s="8"/>
      <c r="V485" s="8"/>
    </row>
    <row r="486" spans="1:22" ht="57" x14ac:dyDescent="0.15">
      <c r="A486" s="232"/>
      <c r="B486" s="204"/>
      <c r="C486" s="324" t="s">
        <v>314</v>
      </c>
      <c r="D486" s="325"/>
      <c r="E486" s="325"/>
      <c r="F486" s="325"/>
      <c r="G486" s="325"/>
      <c r="H486" s="326"/>
      <c r="I486" s="122" t="s">
        <v>315</v>
      </c>
      <c r="J486" s="116">
        <v>0</v>
      </c>
      <c r="K486" s="201" t="s">
        <v>542</v>
      </c>
      <c r="L486" s="117">
        <v>0</v>
      </c>
      <c r="M486" s="117">
        <v>0</v>
      </c>
      <c r="N486" s="117">
        <v>0</v>
      </c>
      <c r="O486" s="117">
        <v>0</v>
      </c>
      <c r="P486" s="117">
        <v>0</v>
      </c>
      <c r="Q486" s="117">
        <v>0</v>
      </c>
      <c r="R486" s="8"/>
      <c r="S486" s="8"/>
      <c r="T486" s="8"/>
      <c r="U486" s="8"/>
      <c r="V486" s="8"/>
    </row>
    <row r="487" spans="1:22" ht="71.25" x14ac:dyDescent="0.15">
      <c r="A487" s="232"/>
      <c r="B487" s="204"/>
      <c r="C487" s="324" t="s">
        <v>316</v>
      </c>
      <c r="D487" s="325"/>
      <c r="E487" s="325"/>
      <c r="F487" s="325"/>
      <c r="G487" s="325"/>
      <c r="H487" s="326"/>
      <c r="I487" s="122" t="s">
        <v>317</v>
      </c>
      <c r="J487" s="116">
        <v>0</v>
      </c>
      <c r="K487" s="201" t="s">
        <v>542</v>
      </c>
      <c r="L487" s="117">
        <v>0</v>
      </c>
      <c r="M487" s="117">
        <v>0</v>
      </c>
      <c r="N487" s="117">
        <v>0</v>
      </c>
      <c r="O487" s="117">
        <v>0</v>
      </c>
      <c r="P487" s="117">
        <v>0</v>
      </c>
      <c r="Q487" s="117">
        <v>0</v>
      </c>
      <c r="R487" s="8"/>
      <c r="S487" s="8"/>
      <c r="T487" s="8"/>
      <c r="U487" s="8"/>
      <c r="V487" s="8"/>
    </row>
    <row r="488" spans="1:22" s="118" customFormat="1" ht="71.25" x14ac:dyDescent="0.15">
      <c r="A488" s="232"/>
      <c r="B488" s="204"/>
      <c r="C488" s="324" t="s">
        <v>318</v>
      </c>
      <c r="D488" s="325"/>
      <c r="E488" s="325"/>
      <c r="F488" s="325"/>
      <c r="G488" s="325"/>
      <c r="H488" s="326"/>
      <c r="I488" s="122" t="s">
        <v>319</v>
      </c>
      <c r="J488" s="116">
        <v>0</v>
      </c>
      <c r="K488" s="201" t="s">
        <v>542</v>
      </c>
      <c r="L488" s="117">
        <v>0</v>
      </c>
      <c r="M488" s="117">
        <v>0</v>
      </c>
      <c r="N488" s="117">
        <v>0</v>
      </c>
      <c r="O488" s="117">
        <v>0</v>
      </c>
      <c r="P488" s="117">
        <v>0</v>
      </c>
      <c r="Q488" s="117">
        <v>0</v>
      </c>
    </row>
    <row r="489" spans="1:22" s="118" customFormat="1" ht="57" x14ac:dyDescent="0.15">
      <c r="A489" s="232"/>
      <c r="B489" s="204"/>
      <c r="C489" s="324" t="s">
        <v>320</v>
      </c>
      <c r="D489" s="325"/>
      <c r="E489" s="325"/>
      <c r="F489" s="325"/>
      <c r="G489" s="325"/>
      <c r="H489" s="326"/>
      <c r="I489" s="122" t="s">
        <v>321</v>
      </c>
      <c r="J489" s="116">
        <v>0</v>
      </c>
      <c r="K489" s="201" t="s">
        <v>542</v>
      </c>
      <c r="L489" s="117">
        <v>0</v>
      </c>
      <c r="M489" s="117">
        <v>0</v>
      </c>
      <c r="N489" s="117">
        <v>0</v>
      </c>
      <c r="O489" s="117">
        <v>0</v>
      </c>
      <c r="P489" s="117">
        <v>0</v>
      </c>
      <c r="Q489" s="117">
        <v>0</v>
      </c>
    </row>
    <row r="490" spans="1:22" s="118" customFormat="1" ht="85.5" x14ac:dyDescent="0.15">
      <c r="A490" s="232"/>
      <c r="B490" s="204"/>
      <c r="C490" s="324" t="s">
        <v>322</v>
      </c>
      <c r="D490" s="325"/>
      <c r="E490" s="325"/>
      <c r="F490" s="325"/>
      <c r="G490" s="325"/>
      <c r="H490" s="326"/>
      <c r="I490" s="122" t="s">
        <v>323</v>
      </c>
      <c r="J490" s="116">
        <v>0</v>
      </c>
      <c r="K490" s="201" t="s">
        <v>542</v>
      </c>
      <c r="L490" s="117">
        <v>0</v>
      </c>
      <c r="M490" s="117">
        <v>0</v>
      </c>
      <c r="N490" s="117">
        <v>0</v>
      </c>
      <c r="O490" s="117">
        <v>0</v>
      </c>
      <c r="P490" s="117">
        <v>0</v>
      </c>
      <c r="Q490" s="117">
        <v>0</v>
      </c>
    </row>
    <row r="491" spans="1:22" s="91" customFormat="1" x14ac:dyDescent="0.15">
      <c r="A491" s="232"/>
      <c r="B491" s="18"/>
      <c r="C491" s="18"/>
      <c r="D491" s="18"/>
      <c r="E491" s="18"/>
      <c r="F491" s="18"/>
      <c r="G491" s="18"/>
      <c r="H491" s="14"/>
      <c r="I491" s="14"/>
      <c r="J491" s="88"/>
      <c r="K491" s="89"/>
      <c r="L491" s="90"/>
      <c r="M491" s="90"/>
      <c r="N491" s="90"/>
      <c r="O491" s="90"/>
      <c r="P491" s="90"/>
      <c r="Q491" s="90"/>
    </row>
    <row r="492" spans="1:22" x14ac:dyDescent="0.15">
      <c r="A492" s="232"/>
      <c r="B492" s="18"/>
      <c r="C492" s="18"/>
      <c r="D492" s="18"/>
      <c r="E492" s="18"/>
      <c r="F492" s="18"/>
      <c r="G492" s="18"/>
      <c r="H492" s="14"/>
      <c r="I492" s="14"/>
      <c r="L492" s="76"/>
      <c r="M492" s="76"/>
      <c r="N492" s="76"/>
      <c r="O492" s="76"/>
      <c r="P492" s="76"/>
      <c r="Q492" s="76"/>
      <c r="R492" s="8"/>
      <c r="S492" s="8"/>
      <c r="T492" s="8"/>
      <c r="U492" s="8"/>
      <c r="V492" s="8"/>
    </row>
    <row r="493" spans="1:22" ht="34.5" customHeight="1" x14ac:dyDescent="0.15">
      <c r="A493" s="232"/>
      <c r="B493" s="18"/>
      <c r="C493" s="18" t="s">
        <v>324</v>
      </c>
      <c r="D493" s="3"/>
      <c r="F493" s="3"/>
      <c r="G493" s="3"/>
      <c r="H493" s="206"/>
      <c r="I493" s="206"/>
      <c r="J493" s="77" t="s">
        <v>35</v>
      </c>
      <c r="K493" s="185"/>
      <c r="L493" s="66" t="s">
        <v>525</v>
      </c>
      <c r="M493" s="66" t="s">
        <v>527</v>
      </c>
      <c r="N493" s="66" t="s">
        <v>528</v>
      </c>
      <c r="O493" s="66" t="s">
        <v>529</v>
      </c>
      <c r="P493" s="66" t="s">
        <v>530</v>
      </c>
      <c r="Q493" s="66" t="s">
        <v>531</v>
      </c>
      <c r="R493" s="8"/>
      <c r="S493" s="8"/>
      <c r="T493" s="8"/>
      <c r="U493" s="8"/>
      <c r="V493" s="8"/>
    </row>
    <row r="494" spans="1:22" ht="20.25" customHeight="1" x14ac:dyDescent="0.15">
      <c r="A494" s="232"/>
      <c r="B494" s="1"/>
      <c r="C494" s="330"/>
      <c r="D494" s="331"/>
      <c r="E494" s="331"/>
      <c r="F494" s="331"/>
      <c r="G494" s="107"/>
      <c r="H494" s="206"/>
      <c r="I494" s="67" t="s">
        <v>125</v>
      </c>
      <c r="J494" s="68"/>
      <c r="K494" s="186"/>
      <c r="L494" s="70" t="s">
        <v>526</v>
      </c>
      <c r="M494" s="70" t="s">
        <v>526</v>
      </c>
      <c r="N494" s="70" t="s">
        <v>526</v>
      </c>
      <c r="O494" s="70" t="s">
        <v>526</v>
      </c>
      <c r="P494" s="70" t="s">
        <v>526</v>
      </c>
      <c r="Q494" s="70" t="s">
        <v>526</v>
      </c>
      <c r="R494" s="8"/>
      <c r="S494" s="8"/>
      <c r="T494" s="8"/>
      <c r="U494" s="8"/>
      <c r="V494" s="8"/>
    </row>
    <row r="495" spans="1:22" s="115" customFormat="1" ht="57" x14ac:dyDescent="0.15">
      <c r="A495" s="232"/>
      <c r="B495" s="204"/>
      <c r="C495" s="307" t="s">
        <v>325</v>
      </c>
      <c r="D495" s="308"/>
      <c r="E495" s="308"/>
      <c r="F495" s="308"/>
      <c r="G495" s="308"/>
      <c r="H495" s="309"/>
      <c r="I495" s="122" t="s">
        <v>326</v>
      </c>
      <c r="J495" s="205">
        <v>0</v>
      </c>
      <c r="K495" s="201" t="s">
        <v>542</v>
      </c>
      <c r="L495" s="117">
        <v>0</v>
      </c>
      <c r="M495" s="117">
        <v>0</v>
      </c>
      <c r="N495" s="117">
        <v>0</v>
      </c>
      <c r="O495" s="117">
        <v>0</v>
      </c>
      <c r="P495" s="117">
        <v>0</v>
      </c>
      <c r="Q495" s="117">
        <v>0</v>
      </c>
    </row>
    <row r="496" spans="1:22" s="115" customFormat="1" ht="71.25" x14ac:dyDescent="0.15">
      <c r="A496" s="232"/>
      <c r="B496" s="204"/>
      <c r="C496" s="307" t="s">
        <v>327</v>
      </c>
      <c r="D496" s="308"/>
      <c r="E496" s="308"/>
      <c r="F496" s="308"/>
      <c r="G496" s="308"/>
      <c r="H496" s="309"/>
      <c r="I496" s="122" t="s">
        <v>328</v>
      </c>
      <c r="J496" s="205">
        <v>0</v>
      </c>
      <c r="K496" s="201" t="s">
        <v>542</v>
      </c>
      <c r="L496" s="117">
        <v>0</v>
      </c>
      <c r="M496" s="117">
        <v>0</v>
      </c>
      <c r="N496" s="117">
        <v>0</v>
      </c>
      <c r="O496" s="117">
        <v>0</v>
      </c>
      <c r="P496" s="117">
        <v>0</v>
      </c>
      <c r="Q496" s="117">
        <v>0</v>
      </c>
    </row>
    <row r="497" spans="1:22" s="91" customFormat="1" x14ac:dyDescent="0.15">
      <c r="A497" s="232"/>
      <c r="B497" s="18"/>
      <c r="C497" s="18"/>
      <c r="D497" s="18"/>
      <c r="E497" s="18"/>
      <c r="F497" s="18"/>
      <c r="G497" s="18"/>
      <c r="H497" s="14"/>
      <c r="I497" s="14"/>
      <c r="J497" s="88"/>
      <c r="K497" s="89"/>
      <c r="L497" s="76"/>
      <c r="M497" s="76"/>
      <c r="N497" s="76"/>
      <c r="O497" s="76"/>
      <c r="P497" s="76"/>
      <c r="Q497" s="76"/>
    </row>
    <row r="498" spans="1:22" x14ac:dyDescent="0.15">
      <c r="A498" s="232"/>
      <c r="B498" s="18"/>
      <c r="C498" s="18"/>
      <c r="D498" s="18"/>
      <c r="E498" s="18"/>
      <c r="F498" s="18"/>
      <c r="G498" s="18"/>
      <c r="H498" s="14"/>
      <c r="I498" s="14"/>
      <c r="L498" s="76"/>
      <c r="M498" s="76"/>
      <c r="N498" s="76"/>
      <c r="O498" s="76"/>
      <c r="P498" s="76"/>
      <c r="Q498" s="76"/>
      <c r="R498" s="8"/>
      <c r="S498" s="8"/>
      <c r="T498" s="8"/>
      <c r="U498" s="8"/>
      <c r="V498" s="8"/>
    </row>
    <row r="499" spans="1:22" ht="34.5" customHeight="1" x14ac:dyDescent="0.15">
      <c r="A499" s="232"/>
      <c r="B499" s="18"/>
      <c r="C499" s="18" t="s">
        <v>329</v>
      </c>
      <c r="D499" s="3"/>
      <c r="F499" s="3"/>
      <c r="G499" s="3"/>
      <c r="H499" s="206"/>
      <c r="I499" s="206"/>
      <c r="J499" s="77" t="s">
        <v>35</v>
      </c>
      <c r="K499" s="185"/>
      <c r="L499" s="66" t="s">
        <v>525</v>
      </c>
      <c r="M499" s="66" t="s">
        <v>527</v>
      </c>
      <c r="N499" s="66" t="s">
        <v>528</v>
      </c>
      <c r="O499" s="66" t="s">
        <v>529</v>
      </c>
      <c r="P499" s="66" t="s">
        <v>530</v>
      </c>
      <c r="Q499" s="66" t="s">
        <v>531</v>
      </c>
      <c r="R499" s="8"/>
      <c r="S499" s="8"/>
      <c r="T499" s="8"/>
      <c r="U499" s="8"/>
      <c r="V499" s="8"/>
    </row>
    <row r="500" spans="1:22" ht="20.25" customHeight="1" x14ac:dyDescent="0.15">
      <c r="A500" s="232"/>
      <c r="B500" s="1"/>
      <c r="C500" s="356"/>
      <c r="D500" s="356"/>
      <c r="E500" s="356"/>
      <c r="F500" s="356"/>
      <c r="G500" s="107"/>
      <c r="H500" s="206"/>
      <c r="I500" s="67" t="s">
        <v>125</v>
      </c>
      <c r="J500" s="68"/>
      <c r="K500" s="186"/>
      <c r="L500" s="70" t="s">
        <v>526</v>
      </c>
      <c r="M500" s="70" t="s">
        <v>526</v>
      </c>
      <c r="N500" s="70" t="s">
        <v>526</v>
      </c>
      <c r="O500" s="70" t="s">
        <v>526</v>
      </c>
      <c r="P500" s="70" t="s">
        <v>526</v>
      </c>
      <c r="Q500" s="70" t="s">
        <v>526</v>
      </c>
      <c r="R500" s="8"/>
      <c r="S500" s="8"/>
      <c r="T500" s="8"/>
      <c r="U500" s="8"/>
      <c r="V500" s="8"/>
    </row>
    <row r="501" spans="1:22" s="115" customFormat="1" ht="71.25" x14ac:dyDescent="0.15">
      <c r="A501" s="232"/>
      <c r="B501" s="204"/>
      <c r="C501" s="307" t="s">
        <v>330</v>
      </c>
      <c r="D501" s="308"/>
      <c r="E501" s="308"/>
      <c r="F501" s="308"/>
      <c r="G501" s="308"/>
      <c r="H501" s="309"/>
      <c r="I501" s="122" t="s">
        <v>331</v>
      </c>
      <c r="J501" s="205">
        <v>0</v>
      </c>
      <c r="K501" s="201" t="s">
        <v>542</v>
      </c>
      <c r="L501" s="117">
        <v>0</v>
      </c>
      <c r="M501" s="117">
        <v>0</v>
      </c>
      <c r="N501" s="117">
        <v>0</v>
      </c>
      <c r="O501" s="117">
        <v>0</v>
      </c>
      <c r="P501" s="117">
        <v>0</v>
      </c>
      <c r="Q501" s="117">
        <v>0</v>
      </c>
    </row>
    <row r="502" spans="1:22" s="91" customFormat="1" x14ac:dyDescent="0.15">
      <c r="A502" s="232"/>
      <c r="B502" s="18"/>
      <c r="C502" s="18"/>
      <c r="D502" s="18"/>
      <c r="E502" s="18"/>
      <c r="F502" s="18"/>
      <c r="G502" s="18"/>
      <c r="H502" s="14"/>
      <c r="I502" s="14"/>
      <c r="J502" s="88"/>
      <c r="K502" s="89"/>
      <c r="L502" s="90"/>
      <c r="M502" s="90"/>
      <c r="N502" s="90"/>
      <c r="O502" s="90"/>
      <c r="P502" s="90"/>
      <c r="Q502" s="90"/>
    </row>
    <row r="503" spans="1:22" x14ac:dyDescent="0.15">
      <c r="A503" s="232"/>
      <c r="B503" s="18"/>
      <c r="C503" s="18"/>
      <c r="D503" s="18"/>
      <c r="E503" s="18"/>
      <c r="F503" s="18"/>
      <c r="G503" s="18"/>
      <c r="H503" s="14"/>
      <c r="I503" s="14"/>
      <c r="L503" s="76"/>
      <c r="M503" s="76"/>
      <c r="N503" s="76"/>
      <c r="O503" s="76"/>
      <c r="P503" s="76"/>
      <c r="Q503" s="76"/>
      <c r="R503" s="8"/>
      <c r="S503" s="8"/>
      <c r="T503" s="8"/>
      <c r="U503" s="8"/>
      <c r="V503" s="8"/>
    </row>
    <row r="504" spans="1:22" ht="34.5" customHeight="1" x14ac:dyDescent="0.15">
      <c r="A504" s="232"/>
      <c r="B504" s="18"/>
      <c r="C504" s="18" t="s">
        <v>332</v>
      </c>
      <c r="D504" s="3"/>
      <c r="F504" s="3"/>
      <c r="G504" s="3"/>
      <c r="H504" s="206"/>
      <c r="I504" s="206"/>
      <c r="J504" s="77" t="s">
        <v>35</v>
      </c>
      <c r="K504" s="185"/>
      <c r="L504" s="66" t="s">
        <v>525</v>
      </c>
      <c r="M504" s="66" t="s">
        <v>527</v>
      </c>
      <c r="N504" s="66" t="s">
        <v>528</v>
      </c>
      <c r="O504" s="66" t="s">
        <v>529</v>
      </c>
      <c r="P504" s="66" t="s">
        <v>530</v>
      </c>
      <c r="Q504" s="66" t="s">
        <v>531</v>
      </c>
      <c r="R504" s="8"/>
      <c r="S504" s="8"/>
      <c r="T504" s="8"/>
      <c r="U504" s="8"/>
      <c r="V504" s="8"/>
    </row>
    <row r="505" spans="1:22" ht="20.25" customHeight="1" x14ac:dyDescent="0.15">
      <c r="A505" s="232"/>
      <c r="B505" s="1"/>
      <c r="C505" s="356"/>
      <c r="D505" s="357"/>
      <c r="E505" s="357"/>
      <c r="F505" s="357"/>
      <c r="G505" s="107"/>
      <c r="H505" s="206"/>
      <c r="I505" s="67" t="s">
        <v>125</v>
      </c>
      <c r="J505" s="68"/>
      <c r="K505" s="186"/>
      <c r="L505" s="70" t="s">
        <v>526</v>
      </c>
      <c r="M505" s="70" t="s">
        <v>526</v>
      </c>
      <c r="N505" s="70" t="s">
        <v>526</v>
      </c>
      <c r="O505" s="70" t="s">
        <v>526</v>
      </c>
      <c r="P505" s="70" t="s">
        <v>526</v>
      </c>
      <c r="Q505" s="70" t="s">
        <v>526</v>
      </c>
      <c r="R505" s="8"/>
      <c r="S505" s="8"/>
      <c r="T505" s="8"/>
      <c r="U505" s="8"/>
      <c r="V505" s="8"/>
    </row>
    <row r="506" spans="1:22" s="91" customFormat="1" ht="34.5" customHeight="1" x14ac:dyDescent="0.15">
      <c r="A506" s="232"/>
      <c r="B506" s="204"/>
      <c r="C506" s="324" t="s">
        <v>333</v>
      </c>
      <c r="D506" s="325"/>
      <c r="E506" s="325"/>
      <c r="F506" s="325"/>
      <c r="G506" s="325"/>
      <c r="H506" s="326"/>
      <c r="I506" s="122" t="s">
        <v>334</v>
      </c>
      <c r="J506" s="116">
        <v>0</v>
      </c>
      <c r="K506" s="201" t="s">
        <v>542</v>
      </c>
      <c r="L506" s="117">
        <v>0</v>
      </c>
      <c r="M506" s="117">
        <v>0</v>
      </c>
      <c r="N506" s="117">
        <v>0</v>
      </c>
      <c r="O506" s="117">
        <v>0</v>
      </c>
      <c r="P506" s="117">
        <v>0</v>
      </c>
      <c r="Q506" s="117">
        <v>0</v>
      </c>
    </row>
    <row r="507" spans="1:22" s="91" customFormat="1" x14ac:dyDescent="0.15">
      <c r="A507" s="232"/>
      <c r="B507" s="18"/>
      <c r="C507" s="18"/>
      <c r="D507" s="18"/>
      <c r="E507" s="18"/>
      <c r="F507" s="18"/>
      <c r="G507" s="18"/>
      <c r="H507" s="14"/>
      <c r="I507" s="14"/>
      <c r="J507" s="88"/>
      <c r="K507" s="89"/>
      <c r="L507" s="90"/>
      <c r="M507" s="90"/>
      <c r="N507" s="90"/>
      <c r="O507" s="90"/>
      <c r="P507" s="90"/>
      <c r="Q507" s="90"/>
    </row>
    <row r="508" spans="1:22" x14ac:dyDescent="0.15">
      <c r="A508" s="232"/>
      <c r="B508" s="18"/>
      <c r="C508" s="18"/>
      <c r="D508" s="18"/>
      <c r="E508" s="18"/>
      <c r="F508" s="18"/>
      <c r="G508" s="18"/>
      <c r="H508" s="14"/>
      <c r="I508" s="14"/>
      <c r="J508" s="63"/>
      <c r="K508" s="31"/>
      <c r="L508" s="76"/>
      <c r="M508" s="76"/>
      <c r="N508" s="76"/>
      <c r="O508" s="76"/>
      <c r="P508" s="76"/>
      <c r="Q508" s="76"/>
      <c r="R508" s="8"/>
      <c r="S508" s="8"/>
      <c r="T508" s="8"/>
      <c r="U508" s="8"/>
      <c r="V508" s="8"/>
    </row>
    <row r="509" spans="1:22" ht="34.5" customHeight="1" x14ac:dyDescent="0.15">
      <c r="A509" s="232"/>
      <c r="B509" s="18"/>
      <c r="C509" s="18" t="s">
        <v>335</v>
      </c>
      <c r="D509" s="3"/>
      <c r="F509" s="3"/>
      <c r="G509" s="3"/>
      <c r="H509" s="206"/>
      <c r="I509" s="206"/>
      <c r="J509" s="77" t="s">
        <v>35</v>
      </c>
      <c r="K509" s="185"/>
      <c r="L509" s="66" t="s">
        <v>525</v>
      </c>
      <c r="M509" s="66" t="s">
        <v>527</v>
      </c>
      <c r="N509" s="66" t="s">
        <v>528</v>
      </c>
      <c r="O509" s="66" t="s">
        <v>529</v>
      </c>
      <c r="P509" s="66" t="s">
        <v>530</v>
      </c>
      <c r="Q509" s="66" t="s">
        <v>531</v>
      </c>
      <c r="R509" s="8"/>
      <c r="S509" s="8"/>
      <c r="T509" s="8"/>
      <c r="U509" s="8"/>
      <c r="V509" s="8"/>
    </row>
    <row r="510" spans="1:22" ht="20.25" customHeight="1" x14ac:dyDescent="0.15">
      <c r="A510" s="232"/>
      <c r="B510" s="1"/>
      <c r="C510" s="330"/>
      <c r="D510" s="331"/>
      <c r="E510" s="331"/>
      <c r="F510" s="331"/>
      <c r="G510" s="107"/>
      <c r="H510" s="206"/>
      <c r="I510" s="67" t="s">
        <v>125</v>
      </c>
      <c r="J510" s="68"/>
      <c r="K510" s="186"/>
      <c r="L510" s="70" t="s">
        <v>526</v>
      </c>
      <c r="M510" s="70" t="s">
        <v>526</v>
      </c>
      <c r="N510" s="70" t="s">
        <v>526</v>
      </c>
      <c r="O510" s="70" t="s">
        <v>526</v>
      </c>
      <c r="P510" s="70" t="s">
        <v>526</v>
      </c>
      <c r="Q510" s="70" t="s">
        <v>526</v>
      </c>
      <c r="R510" s="8"/>
      <c r="S510" s="8"/>
      <c r="T510" s="8"/>
      <c r="U510" s="8"/>
      <c r="V510" s="8"/>
    </row>
    <row r="511" spans="1:22" s="115" customFormat="1" ht="57" x14ac:dyDescent="0.15">
      <c r="A511" s="232"/>
      <c r="B511" s="204"/>
      <c r="C511" s="324" t="s">
        <v>336</v>
      </c>
      <c r="D511" s="325"/>
      <c r="E511" s="325"/>
      <c r="F511" s="325"/>
      <c r="G511" s="325"/>
      <c r="H511" s="326"/>
      <c r="I511" s="122" t="s">
        <v>337</v>
      </c>
      <c r="J511" s="116">
        <v>0</v>
      </c>
      <c r="K511" s="201" t="s">
        <v>542</v>
      </c>
      <c r="L511" s="117">
        <v>0</v>
      </c>
      <c r="M511" s="117">
        <v>0</v>
      </c>
      <c r="N511" s="117">
        <v>0</v>
      </c>
      <c r="O511" s="117">
        <v>0</v>
      </c>
      <c r="P511" s="117">
        <v>0</v>
      </c>
      <c r="Q511" s="117">
        <v>0</v>
      </c>
    </row>
    <row r="512" spans="1:22" s="115" customFormat="1" ht="57" x14ac:dyDescent="0.15">
      <c r="A512" s="232"/>
      <c r="B512" s="204"/>
      <c r="C512" s="324" t="s">
        <v>338</v>
      </c>
      <c r="D512" s="325"/>
      <c r="E512" s="325"/>
      <c r="F512" s="325"/>
      <c r="G512" s="325"/>
      <c r="H512" s="326"/>
      <c r="I512" s="122" t="s">
        <v>339</v>
      </c>
      <c r="J512" s="116">
        <v>0</v>
      </c>
      <c r="K512" s="201" t="s">
        <v>542</v>
      </c>
      <c r="L512" s="117">
        <v>0</v>
      </c>
      <c r="M512" s="117">
        <v>0</v>
      </c>
      <c r="N512" s="117">
        <v>0</v>
      </c>
      <c r="O512" s="117">
        <v>0</v>
      </c>
      <c r="P512" s="117">
        <v>0</v>
      </c>
      <c r="Q512" s="117">
        <v>0</v>
      </c>
    </row>
    <row r="513" spans="1:22" s="115" customFormat="1" ht="42.75" customHeight="1" x14ac:dyDescent="0.15">
      <c r="A513" s="232"/>
      <c r="B513" s="204"/>
      <c r="C513" s="324" t="s">
        <v>340</v>
      </c>
      <c r="D513" s="325"/>
      <c r="E513" s="325"/>
      <c r="F513" s="325"/>
      <c r="G513" s="325"/>
      <c r="H513" s="326"/>
      <c r="I513" s="354" t="s">
        <v>341</v>
      </c>
      <c r="J513" s="116">
        <v>0</v>
      </c>
      <c r="K513" s="201" t="s">
        <v>542</v>
      </c>
      <c r="L513" s="117">
        <v>0</v>
      </c>
      <c r="M513" s="117">
        <v>0</v>
      </c>
      <c r="N513" s="117">
        <v>0</v>
      </c>
      <c r="O513" s="117">
        <v>0</v>
      </c>
      <c r="P513" s="117">
        <v>0</v>
      </c>
      <c r="Q513" s="117">
        <v>0</v>
      </c>
    </row>
    <row r="514" spans="1:22" s="115" customFormat="1" ht="42.75" customHeight="1" x14ac:dyDescent="0.15">
      <c r="A514" s="232"/>
      <c r="B514" s="204"/>
      <c r="C514" s="324" t="s">
        <v>342</v>
      </c>
      <c r="D514" s="325"/>
      <c r="E514" s="325"/>
      <c r="F514" s="325"/>
      <c r="G514" s="325"/>
      <c r="H514" s="326"/>
      <c r="I514" s="355"/>
      <c r="J514" s="116">
        <v>0</v>
      </c>
      <c r="K514" s="201" t="s">
        <v>542</v>
      </c>
      <c r="L514" s="117">
        <v>0</v>
      </c>
      <c r="M514" s="117">
        <v>0</v>
      </c>
      <c r="N514" s="117">
        <v>0</v>
      </c>
      <c r="O514" s="117">
        <v>0</v>
      </c>
      <c r="P514" s="117">
        <v>0</v>
      </c>
      <c r="Q514" s="117">
        <v>0</v>
      </c>
    </row>
    <row r="515" spans="1:22" s="115" customFormat="1" ht="71.25" x14ac:dyDescent="0.15">
      <c r="A515" s="232"/>
      <c r="B515" s="204"/>
      <c r="C515" s="324" t="s">
        <v>343</v>
      </c>
      <c r="D515" s="325"/>
      <c r="E515" s="325"/>
      <c r="F515" s="325"/>
      <c r="G515" s="325"/>
      <c r="H515" s="326"/>
      <c r="I515" s="122" t="s">
        <v>344</v>
      </c>
      <c r="J515" s="116">
        <v>0</v>
      </c>
      <c r="K515" s="201" t="s">
        <v>542</v>
      </c>
      <c r="L515" s="117">
        <v>0</v>
      </c>
      <c r="M515" s="117">
        <v>0</v>
      </c>
      <c r="N515" s="117">
        <v>0</v>
      </c>
      <c r="O515" s="117">
        <v>0</v>
      </c>
      <c r="P515" s="117">
        <v>0</v>
      </c>
      <c r="Q515" s="117">
        <v>0</v>
      </c>
    </row>
    <row r="516" spans="1:22" s="115" customFormat="1" ht="57" x14ac:dyDescent="0.15">
      <c r="A516" s="232"/>
      <c r="B516" s="204"/>
      <c r="C516" s="324" t="s">
        <v>345</v>
      </c>
      <c r="D516" s="325"/>
      <c r="E516" s="325"/>
      <c r="F516" s="325"/>
      <c r="G516" s="325"/>
      <c r="H516" s="326"/>
      <c r="I516" s="122" t="s">
        <v>346</v>
      </c>
      <c r="J516" s="116">
        <v>0</v>
      </c>
      <c r="K516" s="201" t="s">
        <v>542</v>
      </c>
      <c r="L516" s="117">
        <v>0</v>
      </c>
      <c r="M516" s="117">
        <v>0</v>
      </c>
      <c r="N516" s="117">
        <v>0</v>
      </c>
      <c r="O516" s="117">
        <v>0</v>
      </c>
      <c r="P516" s="117">
        <v>0</v>
      </c>
      <c r="Q516" s="117">
        <v>0</v>
      </c>
    </row>
    <row r="517" spans="1:22" s="91" customFormat="1" x14ac:dyDescent="0.15">
      <c r="A517" s="232"/>
      <c r="B517" s="18"/>
      <c r="C517" s="18"/>
      <c r="D517" s="18"/>
      <c r="E517" s="18"/>
      <c r="F517" s="18"/>
      <c r="G517" s="18"/>
      <c r="H517" s="14"/>
      <c r="I517" s="14"/>
      <c r="J517" s="88"/>
      <c r="K517" s="89"/>
      <c r="L517" s="90"/>
      <c r="M517" s="90"/>
      <c r="N517" s="90"/>
      <c r="O517" s="90"/>
      <c r="P517" s="90"/>
      <c r="Q517" s="90"/>
    </row>
    <row r="518" spans="1:22" s="83" customFormat="1" x14ac:dyDescent="0.15">
      <c r="A518" s="232"/>
      <c r="B518" s="84"/>
      <c r="C518" s="62"/>
      <c r="D518" s="62"/>
      <c r="E518" s="62"/>
      <c r="F518" s="62"/>
      <c r="G518" s="62"/>
      <c r="H518" s="92"/>
      <c r="I518" s="92"/>
      <c r="J518" s="88"/>
      <c r="K518" s="89"/>
      <c r="L518" s="90"/>
      <c r="M518" s="90"/>
      <c r="N518" s="90"/>
      <c r="O518" s="90"/>
      <c r="P518" s="90"/>
      <c r="Q518" s="90"/>
    </row>
    <row r="519" spans="1:22" s="115" customFormat="1" x14ac:dyDescent="0.15">
      <c r="A519" s="232"/>
      <c r="B519" s="204"/>
      <c r="C519" s="3"/>
      <c r="D519" s="3"/>
      <c r="E519" s="3"/>
      <c r="F519" s="3"/>
      <c r="G519" s="3"/>
      <c r="H519" s="206"/>
      <c r="I519" s="206"/>
      <c r="J519" s="61"/>
      <c r="K519" s="31"/>
      <c r="L519" s="108"/>
      <c r="M519" s="108"/>
      <c r="N519" s="108"/>
      <c r="O519" s="108"/>
      <c r="P519" s="108"/>
      <c r="Q519" s="108"/>
    </row>
    <row r="520" spans="1:22" s="115" customFormat="1" x14ac:dyDescent="0.15">
      <c r="A520" s="232"/>
      <c r="B520" s="18" t="s">
        <v>347</v>
      </c>
      <c r="C520" s="18"/>
      <c r="D520" s="18"/>
      <c r="E520" s="18"/>
      <c r="F520" s="18"/>
      <c r="G520" s="18"/>
      <c r="H520" s="14"/>
      <c r="I520" s="14"/>
      <c r="J520" s="61"/>
      <c r="K520" s="31"/>
      <c r="L520" s="108"/>
      <c r="M520" s="108"/>
      <c r="N520" s="108"/>
      <c r="O520" s="108"/>
      <c r="P520" s="108"/>
      <c r="Q520" s="108"/>
    </row>
    <row r="521" spans="1:22" x14ac:dyDescent="0.15">
      <c r="A521" s="232"/>
      <c r="B521" s="18"/>
      <c r="C521" s="18"/>
      <c r="D521" s="18"/>
      <c r="E521" s="18"/>
      <c r="F521" s="18"/>
      <c r="G521" s="18"/>
      <c r="H521" s="14"/>
      <c r="I521" s="14"/>
      <c r="L521" s="76"/>
      <c r="M521" s="76"/>
      <c r="N521" s="76"/>
      <c r="O521" s="76"/>
      <c r="P521" s="76"/>
      <c r="Q521" s="76"/>
      <c r="R521" s="8"/>
      <c r="S521" s="8"/>
      <c r="T521" s="8"/>
      <c r="U521" s="8"/>
      <c r="V521" s="8"/>
    </row>
    <row r="522" spans="1:22" s="1" customFormat="1" ht="34.5" customHeight="1" x14ac:dyDescent="0.15">
      <c r="A522" s="232"/>
      <c r="B522" s="18"/>
      <c r="C522" s="3"/>
      <c r="D522" s="3"/>
      <c r="E522" s="3"/>
      <c r="F522" s="3"/>
      <c r="G522" s="3"/>
      <c r="H522" s="206"/>
      <c r="I522" s="206"/>
      <c r="J522" s="77" t="s">
        <v>35</v>
      </c>
      <c r="K522" s="185"/>
      <c r="L522" s="66" t="s">
        <v>525</v>
      </c>
      <c r="M522" s="66" t="s">
        <v>527</v>
      </c>
      <c r="N522" s="66" t="s">
        <v>528</v>
      </c>
      <c r="O522" s="66" t="s">
        <v>529</v>
      </c>
      <c r="P522" s="66" t="s">
        <v>530</v>
      </c>
      <c r="Q522" s="66" t="s">
        <v>531</v>
      </c>
    </row>
    <row r="523" spans="1:22" s="1" customFormat="1" ht="20.25" customHeight="1" x14ac:dyDescent="0.15">
      <c r="A523" s="232"/>
      <c r="C523" s="62"/>
      <c r="D523" s="3"/>
      <c r="E523" s="3"/>
      <c r="F523" s="3"/>
      <c r="G523" s="3"/>
      <c r="H523" s="206"/>
      <c r="I523" s="67" t="s">
        <v>125</v>
      </c>
      <c r="J523" s="68"/>
      <c r="K523" s="186"/>
      <c r="L523" s="70" t="s">
        <v>526</v>
      </c>
      <c r="M523" s="70" t="s">
        <v>526</v>
      </c>
      <c r="N523" s="70" t="s">
        <v>526</v>
      </c>
      <c r="O523" s="70" t="s">
        <v>526</v>
      </c>
      <c r="P523" s="70" t="s">
        <v>526</v>
      </c>
      <c r="Q523" s="70" t="s">
        <v>526</v>
      </c>
    </row>
    <row r="524" spans="1:22" s="115" customFormat="1" ht="71.25" x14ac:dyDescent="0.15">
      <c r="A524" s="232"/>
      <c r="C524" s="324" t="s">
        <v>348</v>
      </c>
      <c r="D524" s="325"/>
      <c r="E524" s="325"/>
      <c r="F524" s="325"/>
      <c r="G524" s="325"/>
      <c r="H524" s="326"/>
      <c r="I524" s="122" t="s">
        <v>349</v>
      </c>
      <c r="J524" s="116">
        <v>0</v>
      </c>
      <c r="K524" s="201" t="s">
        <v>542</v>
      </c>
      <c r="L524" s="117">
        <v>0</v>
      </c>
      <c r="M524" s="117">
        <v>0</v>
      </c>
      <c r="N524" s="117">
        <v>0</v>
      </c>
      <c r="O524" s="117">
        <v>0</v>
      </c>
      <c r="P524" s="117">
        <v>0</v>
      </c>
      <c r="Q524" s="117">
        <v>0</v>
      </c>
    </row>
    <row r="525" spans="1:22" s="115" customFormat="1" ht="71.25" x14ac:dyDescent="0.15">
      <c r="A525" s="232"/>
      <c r="B525" s="119"/>
      <c r="C525" s="324" t="s">
        <v>350</v>
      </c>
      <c r="D525" s="325"/>
      <c r="E525" s="325"/>
      <c r="F525" s="325"/>
      <c r="G525" s="325"/>
      <c r="H525" s="326"/>
      <c r="I525" s="122" t="s">
        <v>351</v>
      </c>
      <c r="J525" s="116">
        <v>0</v>
      </c>
      <c r="K525" s="201" t="s">
        <v>542</v>
      </c>
      <c r="L525" s="117">
        <v>0</v>
      </c>
      <c r="M525" s="117">
        <v>0</v>
      </c>
      <c r="N525" s="117">
        <v>0</v>
      </c>
      <c r="O525" s="117">
        <v>0</v>
      </c>
      <c r="P525" s="117">
        <v>0</v>
      </c>
      <c r="Q525" s="117">
        <v>0</v>
      </c>
    </row>
    <row r="526" spans="1:22" s="115" customFormat="1" ht="71.25" x14ac:dyDescent="0.15">
      <c r="A526" s="232"/>
      <c r="B526" s="119"/>
      <c r="C526" s="324" t="s">
        <v>352</v>
      </c>
      <c r="D526" s="325"/>
      <c r="E526" s="325"/>
      <c r="F526" s="325"/>
      <c r="G526" s="325"/>
      <c r="H526" s="326"/>
      <c r="I526" s="122" t="s">
        <v>353</v>
      </c>
      <c r="J526" s="116">
        <v>0</v>
      </c>
      <c r="K526" s="201" t="s">
        <v>542</v>
      </c>
      <c r="L526" s="117">
        <v>0</v>
      </c>
      <c r="M526" s="117">
        <v>0</v>
      </c>
      <c r="N526" s="117">
        <v>0</v>
      </c>
      <c r="O526" s="117">
        <v>0</v>
      </c>
      <c r="P526" s="117">
        <v>0</v>
      </c>
      <c r="Q526" s="117">
        <v>0</v>
      </c>
    </row>
    <row r="527" spans="1:22" s="115" customFormat="1" ht="71.25" x14ac:dyDescent="0.15">
      <c r="A527" s="232"/>
      <c r="B527" s="119"/>
      <c r="C527" s="324" t="s">
        <v>354</v>
      </c>
      <c r="D527" s="325"/>
      <c r="E527" s="325"/>
      <c r="F527" s="325"/>
      <c r="G527" s="325"/>
      <c r="H527" s="326"/>
      <c r="I527" s="122" t="s">
        <v>355</v>
      </c>
      <c r="J527" s="116">
        <v>0</v>
      </c>
      <c r="K527" s="201" t="s">
        <v>542</v>
      </c>
      <c r="L527" s="117">
        <v>0</v>
      </c>
      <c r="M527" s="117">
        <v>0</v>
      </c>
      <c r="N527" s="117">
        <v>0</v>
      </c>
      <c r="O527" s="117">
        <v>0</v>
      </c>
      <c r="P527" s="117">
        <v>0</v>
      </c>
      <c r="Q527" s="117">
        <v>0</v>
      </c>
    </row>
    <row r="528" spans="1:22" s="115" customFormat="1" ht="71.25" x14ac:dyDescent="0.15">
      <c r="A528" s="232"/>
      <c r="B528" s="119"/>
      <c r="C528" s="324" t="s">
        <v>356</v>
      </c>
      <c r="D528" s="325"/>
      <c r="E528" s="325"/>
      <c r="F528" s="325"/>
      <c r="G528" s="325"/>
      <c r="H528" s="326"/>
      <c r="I528" s="122" t="s">
        <v>357</v>
      </c>
      <c r="J528" s="116">
        <v>0</v>
      </c>
      <c r="K528" s="201" t="s">
        <v>542</v>
      </c>
      <c r="L528" s="117">
        <v>0</v>
      </c>
      <c r="M528" s="117">
        <v>0</v>
      </c>
      <c r="N528" s="117">
        <v>0</v>
      </c>
      <c r="O528" s="117">
        <v>0</v>
      </c>
      <c r="P528" s="117">
        <v>0</v>
      </c>
      <c r="Q528" s="117">
        <v>0</v>
      </c>
    </row>
    <row r="529" spans="1:17" s="115" customFormat="1" ht="85.5" x14ac:dyDescent="0.15">
      <c r="A529" s="232"/>
      <c r="B529" s="119"/>
      <c r="C529" s="324" t="s">
        <v>358</v>
      </c>
      <c r="D529" s="325"/>
      <c r="E529" s="325"/>
      <c r="F529" s="325"/>
      <c r="G529" s="325"/>
      <c r="H529" s="326"/>
      <c r="I529" s="122" t="s">
        <v>359</v>
      </c>
      <c r="J529" s="116">
        <v>0</v>
      </c>
      <c r="K529" s="201" t="s">
        <v>542</v>
      </c>
      <c r="L529" s="117">
        <v>0</v>
      </c>
      <c r="M529" s="117">
        <v>0</v>
      </c>
      <c r="N529" s="117">
        <v>0</v>
      </c>
      <c r="O529" s="117">
        <v>0</v>
      </c>
      <c r="P529" s="117">
        <v>0</v>
      </c>
      <c r="Q529" s="117">
        <v>0</v>
      </c>
    </row>
    <row r="530" spans="1:17" s="115" customFormat="1" ht="71.25" x14ac:dyDescent="0.15">
      <c r="A530" s="232"/>
      <c r="B530" s="119"/>
      <c r="C530" s="324" t="s">
        <v>360</v>
      </c>
      <c r="D530" s="325"/>
      <c r="E530" s="325"/>
      <c r="F530" s="325"/>
      <c r="G530" s="325"/>
      <c r="H530" s="326"/>
      <c r="I530" s="122" t="s">
        <v>361</v>
      </c>
      <c r="J530" s="116">
        <v>0</v>
      </c>
      <c r="K530" s="201" t="s">
        <v>542</v>
      </c>
      <c r="L530" s="117">
        <v>0</v>
      </c>
      <c r="M530" s="117">
        <v>0</v>
      </c>
      <c r="N530" s="117">
        <v>0</v>
      </c>
      <c r="O530" s="117">
        <v>0</v>
      </c>
      <c r="P530" s="117">
        <v>0</v>
      </c>
      <c r="Q530" s="117">
        <v>0</v>
      </c>
    </row>
    <row r="531" spans="1:17" s="115" customFormat="1" ht="57" x14ac:dyDescent="0.15">
      <c r="A531" s="232"/>
      <c r="B531" s="119"/>
      <c r="C531" s="324" t="s">
        <v>362</v>
      </c>
      <c r="D531" s="325"/>
      <c r="E531" s="325"/>
      <c r="F531" s="325"/>
      <c r="G531" s="325"/>
      <c r="H531" s="326"/>
      <c r="I531" s="122" t="s">
        <v>363</v>
      </c>
      <c r="J531" s="116">
        <v>0</v>
      </c>
      <c r="K531" s="201" t="s">
        <v>542</v>
      </c>
      <c r="L531" s="117">
        <v>0</v>
      </c>
      <c r="M531" s="117">
        <v>0</v>
      </c>
      <c r="N531" s="117">
        <v>0</v>
      </c>
      <c r="O531" s="117">
        <v>0</v>
      </c>
      <c r="P531" s="117">
        <v>0</v>
      </c>
      <c r="Q531" s="117">
        <v>0</v>
      </c>
    </row>
    <row r="532" spans="1:17" s="115" customFormat="1" ht="57" x14ac:dyDescent="0.15">
      <c r="A532" s="232"/>
      <c r="B532" s="119"/>
      <c r="C532" s="324" t="s">
        <v>364</v>
      </c>
      <c r="D532" s="325"/>
      <c r="E532" s="325"/>
      <c r="F532" s="325"/>
      <c r="G532" s="325"/>
      <c r="H532" s="326"/>
      <c r="I532" s="138" t="s">
        <v>365</v>
      </c>
      <c r="J532" s="116">
        <v>0</v>
      </c>
      <c r="K532" s="201" t="s">
        <v>542</v>
      </c>
      <c r="L532" s="117">
        <v>0</v>
      </c>
      <c r="M532" s="117">
        <v>0</v>
      </c>
      <c r="N532" s="117">
        <v>0</v>
      </c>
      <c r="O532" s="117">
        <v>0</v>
      </c>
      <c r="P532" s="117">
        <v>0</v>
      </c>
      <c r="Q532" s="117">
        <v>0</v>
      </c>
    </row>
    <row r="533" spans="1:17" s="115" customFormat="1" ht="42.75" x14ac:dyDescent="0.15">
      <c r="A533" s="232"/>
      <c r="B533" s="119"/>
      <c r="C533" s="324" t="s">
        <v>366</v>
      </c>
      <c r="D533" s="325"/>
      <c r="E533" s="325"/>
      <c r="F533" s="325"/>
      <c r="G533" s="325"/>
      <c r="H533" s="326"/>
      <c r="I533" s="138" t="s">
        <v>367</v>
      </c>
      <c r="J533" s="116">
        <v>0</v>
      </c>
      <c r="K533" s="201" t="s">
        <v>542</v>
      </c>
      <c r="L533" s="117">
        <v>0</v>
      </c>
      <c r="M533" s="117">
        <v>0</v>
      </c>
      <c r="N533" s="117">
        <v>0</v>
      </c>
      <c r="O533" s="117">
        <v>0</v>
      </c>
      <c r="P533" s="117">
        <v>0</v>
      </c>
      <c r="Q533" s="117">
        <v>0</v>
      </c>
    </row>
    <row r="534" spans="1:17" s="115" customFormat="1" ht="71.25" x14ac:dyDescent="0.15">
      <c r="A534" s="232"/>
      <c r="B534" s="119"/>
      <c r="C534" s="324" t="s">
        <v>368</v>
      </c>
      <c r="D534" s="325"/>
      <c r="E534" s="325"/>
      <c r="F534" s="325"/>
      <c r="G534" s="325"/>
      <c r="H534" s="326"/>
      <c r="I534" s="138" t="s">
        <v>369</v>
      </c>
      <c r="J534" s="116">
        <v>0</v>
      </c>
      <c r="K534" s="201" t="s">
        <v>542</v>
      </c>
      <c r="L534" s="117">
        <v>0</v>
      </c>
      <c r="M534" s="117">
        <v>0</v>
      </c>
      <c r="N534" s="117">
        <v>0</v>
      </c>
      <c r="O534" s="117">
        <v>0</v>
      </c>
      <c r="P534" s="117">
        <v>0</v>
      </c>
      <c r="Q534" s="117">
        <v>0</v>
      </c>
    </row>
    <row r="535" spans="1:17" s="115" customFormat="1" ht="57" x14ac:dyDescent="0.15">
      <c r="A535" s="232"/>
      <c r="B535" s="119"/>
      <c r="C535" s="324" t="s">
        <v>370</v>
      </c>
      <c r="D535" s="325"/>
      <c r="E535" s="325"/>
      <c r="F535" s="325"/>
      <c r="G535" s="325"/>
      <c r="H535" s="326"/>
      <c r="I535" s="138" t="s">
        <v>371</v>
      </c>
      <c r="J535" s="116">
        <v>0</v>
      </c>
      <c r="K535" s="201" t="s">
        <v>542</v>
      </c>
      <c r="L535" s="117">
        <v>0</v>
      </c>
      <c r="M535" s="117">
        <v>0</v>
      </c>
      <c r="N535" s="117">
        <v>0</v>
      </c>
      <c r="O535" s="117">
        <v>0</v>
      </c>
      <c r="P535" s="117">
        <v>0</v>
      </c>
      <c r="Q535" s="117">
        <v>0</v>
      </c>
    </row>
    <row r="536" spans="1:17" s="115" customFormat="1" ht="57" x14ac:dyDescent="0.15">
      <c r="A536" s="232"/>
      <c r="B536" s="119"/>
      <c r="C536" s="324" t="s">
        <v>372</v>
      </c>
      <c r="D536" s="325"/>
      <c r="E536" s="325"/>
      <c r="F536" s="325"/>
      <c r="G536" s="325"/>
      <c r="H536" s="326"/>
      <c r="I536" s="138" t="s">
        <v>373</v>
      </c>
      <c r="J536" s="116">
        <v>0</v>
      </c>
      <c r="K536" s="201" t="s">
        <v>542</v>
      </c>
      <c r="L536" s="117">
        <v>0</v>
      </c>
      <c r="M536" s="117">
        <v>0</v>
      </c>
      <c r="N536" s="117">
        <v>0</v>
      </c>
      <c r="O536" s="117">
        <v>0</v>
      </c>
      <c r="P536" s="117">
        <v>0</v>
      </c>
      <c r="Q536" s="117">
        <v>0</v>
      </c>
    </row>
    <row r="537" spans="1:17" s="91" customFormat="1" ht="57" customHeight="1" x14ac:dyDescent="0.15">
      <c r="A537" s="232"/>
      <c r="B537" s="119"/>
      <c r="C537" s="332" t="s">
        <v>374</v>
      </c>
      <c r="D537" s="333"/>
      <c r="E537" s="333"/>
      <c r="F537" s="333"/>
      <c r="G537" s="333"/>
      <c r="H537" s="334"/>
      <c r="I537" s="410" t="s">
        <v>375</v>
      </c>
      <c r="J537" s="207"/>
      <c r="K537" s="208"/>
      <c r="L537" s="131"/>
      <c r="M537" s="131"/>
      <c r="N537" s="131"/>
      <c r="O537" s="131"/>
      <c r="P537" s="131"/>
      <c r="Q537" s="132"/>
    </row>
    <row r="538" spans="1:17" s="91" customFormat="1" ht="34.5" customHeight="1" x14ac:dyDescent="0.15">
      <c r="A538" s="232"/>
      <c r="B538" s="119"/>
      <c r="C538" s="209"/>
      <c r="D538" s="340" t="s">
        <v>376</v>
      </c>
      <c r="E538" s="351"/>
      <c r="F538" s="351"/>
      <c r="G538" s="351"/>
      <c r="H538" s="341"/>
      <c r="I538" s="411"/>
      <c r="J538" s="207"/>
      <c r="K538" s="210"/>
      <c r="L538" s="211" t="s">
        <v>533</v>
      </c>
      <c r="M538" s="211" t="s">
        <v>533</v>
      </c>
      <c r="N538" s="211" t="s">
        <v>533</v>
      </c>
      <c r="O538" s="211" t="s">
        <v>533</v>
      </c>
      <c r="P538" s="211" t="s">
        <v>533</v>
      </c>
      <c r="Q538" s="211" t="s">
        <v>533</v>
      </c>
    </row>
    <row r="539" spans="1:17" s="91" customFormat="1" ht="34.5" customHeight="1" x14ac:dyDescent="0.15">
      <c r="A539" s="232"/>
      <c r="B539" s="119"/>
      <c r="C539" s="209"/>
      <c r="D539" s="340" t="s">
        <v>377</v>
      </c>
      <c r="E539" s="351"/>
      <c r="F539" s="351"/>
      <c r="G539" s="351"/>
      <c r="H539" s="341"/>
      <c r="I539" s="411"/>
      <c r="J539" s="207"/>
      <c r="K539" s="210"/>
      <c r="L539" s="211" t="s">
        <v>533</v>
      </c>
      <c r="M539" s="211" t="s">
        <v>533</v>
      </c>
      <c r="N539" s="211" t="s">
        <v>533</v>
      </c>
      <c r="O539" s="211" t="s">
        <v>533</v>
      </c>
      <c r="P539" s="211" t="s">
        <v>533</v>
      </c>
      <c r="Q539" s="211" t="s">
        <v>533</v>
      </c>
    </row>
    <row r="540" spans="1:17" s="91" customFormat="1" ht="34.5" customHeight="1" x14ac:dyDescent="0.15">
      <c r="A540" s="232"/>
      <c r="B540" s="119"/>
      <c r="C540" s="209"/>
      <c r="D540" s="340" t="s">
        <v>378</v>
      </c>
      <c r="E540" s="351"/>
      <c r="F540" s="351"/>
      <c r="G540" s="351"/>
      <c r="H540" s="341"/>
      <c r="I540" s="411"/>
      <c r="J540" s="207"/>
      <c r="K540" s="210"/>
      <c r="L540" s="211" t="s">
        <v>533</v>
      </c>
      <c r="M540" s="211" t="s">
        <v>533</v>
      </c>
      <c r="N540" s="211" t="s">
        <v>533</v>
      </c>
      <c r="O540" s="211" t="s">
        <v>533</v>
      </c>
      <c r="P540" s="211" t="s">
        <v>533</v>
      </c>
      <c r="Q540" s="211" t="s">
        <v>533</v>
      </c>
    </row>
    <row r="541" spans="1:17" s="91" customFormat="1" ht="34.5" customHeight="1" x14ac:dyDescent="0.15">
      <c r="A541" s="232"/>
      <c r="B541" s="119"/>
      <c r="C541" s="209"/>
      <c r="D541" s="340" t="s">
        <v>379</v>
      </c>
      <c r="E541" s="351"/>
      <c r="F541" s="351"/>
      <c r="G541" s="351"/>
      <c r="H541" s="341"/>
      <c r="I541" s="411"/>
      <c r="J541" s="207"/>
      <c r="K541" s="210"/>
      <c r="L541" s="211" t="s">
        <v>533</v>
      </c>
      <c r="M541" s="211" t="s">
        <v>533</v>
      </c>
      <c r="N541" s="211" t="s">
        <v>533</v>
      </c>
      <c r="O541" s="211" t="s">
        <v>533</v>
      </c>
      <c r="P541" s="211" t="s">
        <v>533</v>
      </c>
      <c r="Q541" s="211" t="s">
        <v>533</v>
      </c>
    </row>
    <row r="542" spans="1:17" s="91" customFormat="1" ht="34.5" customHeight="1" x14ac:dyDescent="0.15">
      <c r="A542" s="232"/>
      <c r="B542" s="119"/>
      <c r="C542" s="209"/>
      <c r="D542" s="340" t="s">
        <v>380</v>
      </c>
      <c r="E542" s="351"/>
      <c r="F542" s="351"/>
      <c r="G542" s="351"/>
      <c r="H542" s="341"/>
      <c r="I542" s="411"/>
      <c r="J542" s="207"/>
      <c r="K542" s="210"/>
      <c r="L542" s="211" t="s">
        <v>533</v>
      </c>
      <c r="M542" s="211" t="s">
        <v>533</v>
      </c>
      <c r="N542" s="211" t="s">
        <v>533</v>
      </c>
      <c r="O542" s="211" t="s">
        <v>533</v>
      </c>
      <c r="P542" s="211" t="s">
        <v>533</v>
      </c>
      <c r="Q542" s="211" t="s">
        <v>533</v>
      </c>
    </row>
    <row r="543" spans="1:17" s="91" customFormat="1" ht="34.5" customHeight="1" x14ac:dyDescent="0.15">
      <c r="A543" s="232"/>
      <c r="B543" s="119"/>
      <c r="C543" s="212"/>
      <c r="D543" s="340" t="s">
        <v>381</v>
      </c>
      <c r="E543" s="351"/>
      <c r="F543" s="351"/>
      <c r="G543" s="351"/>
      <c r="H543" s="341"/>
      <c r="I543" s="411"/>
      <c r="J543" s="213"/>
      <c r="K543" s="214"/>
      <c r="L543" s="211" t="s">
        <v>533</v>
      </c>
      <c r="M543" s="211" t="s">
        <v>533</v>
      </c>
      <c r="N543" s="211" t="s">
        <v>533</v>
      </c>
      <c r="O543" s="211" t="s">
        <v>533</v>
      </c>
      <c r="P543" s="211" t="s">
        <v>533</v>
      </c>
      <c r="Q543" s="211" t="s">
        <v>533</v>
      </c>
    </row>
    <row r="544" spans="1:17" s="91" customFormat="1" ht="42.75" customHeight="1" x14ac:dyDescent="0.15">
      <c r="A544" s="232"/>
      <c r="B544" s="119"/>
      <c r="C544" s="332" t="s">
        <v>382</v>
      </c>
      <c r="D544" s="333"/>
      <c r="E544" s="333"/>
      <c r="F544" s="333"/>
      <c r="G544" s="333"/>
      <c r="H544" s="334"/>
      <c r="I544" s="411"/>
      <c r="J544" s="207"/>
      <c r="K544" s="208"/>
      <c r="L544" s="131"/>
      <c r="M544" s="131"/>
      <c r="N544" s="131"/>
      <c r="O544" s="131"/>
      <c r="P544" s="131"/>
      <c r="Q544" s="132"/>
    </row>
    <row r="545" spans="1:17" s="91" customFormat="1" ht="34.5" customHeight="1" x14ac:dyDescent="0.15">
      <c r="A545" s="232"/>
      <c r="B545" s="119"/>
      <c r="C545" s="209"/>
      <c r="D545" s="340" t="s">
        <v>376</v>
      </c>
      <c r="E545" s="351"/>
      <c r="F545" s="351"/>
      <c r="G545" s="351"/>
      <c r="H545" s="341"/>
      <c r="I545" s="411"/>
      <c r="J545" s="207"/>
      <c r="K545" s="210"/>
      <c r="L545" s="211" t="s">
        <v>533</v>
      </c>
      <c r="M545" s="211" t="s">
        <v>533</v>
      </c>
      <c r="N545" s="211" t="s">
        <v>533</v>
      </c>
      <c r="O545" s="211" t="s">
        <v>533</v>
      </c>
      <c r="P545" s="211" t="s">
        <v>533</v>
      </c>
      <c r="Q545" s="211" t="s">
        <v>533</v>
      </c>
    </row>
    <row r="546" spans="1:17" s="91" customFormat="1" ht="34.5" customHeight="1" x14ac:dyDescent="0.15">
      <c r="A546" s="232"/>
      <c r="B546" s="119"/>
      <c r="C546" s="209"/>
      <c r="D546" s="340" t="s">
        <v>377</v>
      </c>
      <c r="E546" s="351"/>
      <c r="F546" s="351"/>
      <c r="G546" s="351"/>
      <c r="H546" s="341"/>
      <c r="I546" s="411"/>
      <c r="J546" s="207"/>
      <c r="K546" s="210"/>
      <c r="L546" s="211" t="s">
        <v>533</v>
      </c>
      <c r="M546" s="211" t="s">
        <v>533</v>
      </c>
      <c r="N546" s="211" t="s">
        <v>533</v>
      </c>
      <c r="O546" s="211" t="s">
        <v>533</v>
      </c>
      <c r="P546" s="211" t="s">
        <v>533</v>
      </c>
      <c r="Q546" s="211" t="s">
        <v>533</v>
      </c>
    </row>
    <row r="547" spans="1:17" s="91" customFormat="1" ht="34.5" customHeight="1" x14ac:dyDescent="0.15">
      <c r="A547" s="232"/>
      <c r="B547" s="119"/>
      <c r="C547" s="209"/>
      <c r="D547" s="340" t="s">
        <v>378</v>
      </c>
      <c r="E547" s="351"/>
      <c r="F547" s="351"/>
      <c r="G547" s="351"/>
      <c r="H547" s="341"/>
      <c r="I547" s="411"/>
      <c r="J547" s="207"/>
      <c r="K547" s="210"/>
      <c r="L547" s="211" t="s">
        <v>533</v>
      </c>
      <c r="M547" s="211" t="s">
        <v>533</v>
      </c>
      <c r="N547" s="211" t="s">
        <v>533</v>
      </c>
      <c r="O547" s="211" t="s">
        <v>533</v>
      </c>
      <c r="P547" s="211" t="s">
        <v>533</v>
      </c>
      <c r="Q547" s="211" t="s">
        <v>533</v>
      </c>
    </row>
    <row r="548" spans="1:17" s="91" customFormat="1" ht="34.5" customHeight="1" x14ac:dyDescent="0.15">
      <c r="A548" s="232"/>
      <c r="B548" s="119"/>
      <c r="C548" s="209"/>
      <c r="D548" s="340" t="s">
        <v>379</v>
      </c>
      <c r="E548" s="351"/>
      <c r="F548" s="351"/>
      <c r="G548" s="351"/>
      <c r="H548" s="341"/>
      <c r="I548" s="411"/>
      <c r="J548" s="207"/>
      <c r="K548" s="210"/>
      <c r="L548" s="211" t="s">
        <v>533</v>
      </c>
      <c r="M548" s="211" t="s">
        <v>533</v>
      </c>
      <c r="N548" s="211" t="s">
        <v>533</v>
      </c>
      <c r="O548" s="211" t="s">
        <v>533</v>
      </c>
      <c r="P548" s="211" t="s">
        <v>533</v>
      </c>
      <c r="Q548" s="211" t="s">
        <v>533</v>
      </c>
    </row>
    <row r="549" spans="1:17" s="91" customFormat="1" ht="34.5" customHeight="1" x14ac:dyDescent="0.15">
      <c r="A549" s="232"/>
      <c r="B549" s="119"/>
      <c r="C549" s="209"/>
      <c r="D549" s="340" t="s">
        <v>380</v>
      </c>
      <c r="E549" s="351"/>
      <c r="F549" s="351"/>
      <c r="G549" s="351"/>
      <c r="H549" s="341"/>
      <c r="I549" s="411"/>
      <c r="J549" s="207"/>
      <c r="K549" s="210"/>
      <c r="L549" s="211" t="s">
        <v>533</v>
      </c>
      <c r="M549" s="211" t="s">
        <v>533</v>
      </c>
      <c r="N549" s="211" t="s">
        <v>533</v>
      </c>
      <c r="O549" s="211" t="s">
        <v>533</v>
      </c>
      <c r="P549" s="211" t="s">
        <v>533</v>
      </c>
      <c r="Q549" s="211" t="s">
        <v>533</v>
      </c>
    </row>
    <row r="550" spans="1:17" s="91" customFormat="1" ht="35.1" customHeight="1" x14ac:dyDescent="0.15">
      <c r="A550" s="232"/>
      <c r="B550" s="119"/>
      <c r="C550" s="212"/>
      <c r="D550" s="340" t="s">
        <v>381</v>
      </c>
      <c r="E550" s="351"/>
      <c r="F550" s="351"/>
      <c r="G550" s="351"/>
      <c r="H550" s="341"/>
      <c r="I550" s="411"/>
      <c r="J550" s="207"/>
      <c r="K550" s="214"/>
      <c r="L550" s="211" t="s">
        <v>533</v>
      </c>
      <c r="M550" s="211" t="s">
        <v>533</v>
      </c>
      <c r="N550" s="211" t="s">
        <v>533</v>
      </c>
      <c r="O550" s="211" t="s">
        <v>533</v>
      </c>
      <c r="P550" s="211" t="s">
        <v>533</v>
      </c>
      <c r="Q550" s="211" t="s">
        <v>533</v>
      </c>
    </row>
    <row r="551" spans="1:17" s="91" customFormat="1" ht="42.75" customHeight="1" x14ac:dyDescent="0.15">
      <c r="A551" s="232"/>
      <c r="B551" s="119"/>
      <c r="C551" s="332" t="s">
        <v>383</v>
      </c>
      <c r="D551" s="333"/>
      <c r="E551" s="333"/>
      <c r="F551" s="333"/>
      <c r="G551" s="333"/>
      <c r="H551" s="334"/>
      <c r="I551" s="411"/>
      <c r="J551" s="215"/>
      <c r="K551" s="208"/>
      <c r="L551" s="131"/>
      <c r="M551" s="131"/>
      <c r="N551" s="131"/>
      <c r="O551" s="131"/>
      <c r="P551" s="131"/>
      <c r="Q551" s="132"/>
    </row>
    <row r="552" spans="1:17" s="91" customFormat="1" ht="34.5" customHeight="1" x14ac:dyDescent="0.15">
      <c r="A552" s="232"/>
      <c r="B552" s="119"/>
      <c r="C552" s="209"/>
      <c r="D552" s="340" t="s">
        <v>376</v>
      </c>
      <c r="E552" s="351"/>
      <c r="F552" s="351"/>
      <c r="G552" s="351"/>
      <c r="H552" s="341"/>
      <c r="I552" s="411"/>
      <c r="J552" s="207"/>
      <c r="K552" s="210"/>
      <c r="L552" s="211" t="s">
        <v>533</v>
      </c>
      <c r="M552" s="211" t="s">
        <v>533</v>
      </c>
      <c r="N552" s="211" t="s">
        <v>533</v>
      </c>
      <c r="O552" s="211" t="s">
        <v>533</v>
      </c>
      <c r="P552" s="211" t="s">
        <v>533</v>
      </c>
      <c r="Q552" s="211" t="s">
        <v>533</v>
      </c>
    </row>
    <row r="553" spans="1:17" s="91" customFormat="1" ht="34.5" customHeight="1" x14ac:dyDescent="0.15">
      <c r="A553" s="232"/>
      <c r="B553" s="119"/>
      <c r="C553" s="209"/>
      <c r="D553" s="340" t="s">
        <v>377</v>
      </c>
      <c r="E553" s="351"/>
      <c r="F553" s="351"/>
      <c r="G553" s="351"/>
      <c r="H553" s="341"/>
      <c r="I553" s="411"/>
      <c r="J553" s="207"/>
      <c r="K553" s="210"/>
      <c r="L553" s="211" t="s">
        <v>533</v>
      </c>
      <c r="M553" s="211" t="s">
        <v>533</v>
      </c>
      <c r="N553" s="211" t="s">
        <v>533</v>
      </c>
      <c r="O553" s="211" t="s">
        <v>533</v>
      </c>
      <c r="P553" s="211" t="s">
        <v>533</v>
      </c>
      <c r="Q553" s="211" t="s">
        <v>533</v>
      </c>
    </row>
    <row r="554" spans="1:17" s="91" customFormat="1" ht="34.5" customHeight="1" x14ac:dyDescent="0.15">
      <c r="A554" s="232"/>
      <c r="B554" s="119"/>
      <c r="C554" s="209"/>
      <c r="D554" s="340" t="s">
        <v>378</v>
      </c>
      <c r="E554" s="351"/>
      <c r="F554" s="351"/>
      <c r="G554" s="351"/>
      <c r="H554" s="341"/>
      <c r="I554" s="411"/>
      <c r="J554" s="207"/>
      <c r="K554" s="210"/>
      <c r="L554" s="211" t="s">
        <v>533</v>
      </c>
      <c r="M554" s="211" t="s">
        <v>533</v>
      </c>
      <c r="N554" s="211" t="s">
        <v>533</v>
      </c>
      <c r="O554" s="211" t="s">
        <v>533</v>
      </c>
      <c r="P554" s="211" t="s">
        <v>533</v>
      </c>
      <c r="Q554" s="211" t="s">
        <v>533</v>
      </c>
    </row>
    <row r="555" spans="1:17" s="91" customFormat="1" ht="34.5" customHeight="1" x14ac:dyDescent="0.15">
      <c r="A555" s="232"/>
      <c r="B555" s="119"/>
      <c r="C555" s="209"/>
      <c r="D555" s="340" t="s">
        <v>379</v>
      </c>
      <c r="E555" s="351"/>
      <c r="F555" s="351"/>
      <c r="G555" s="351"/>
      <c r="H555" s="341"/>
      <c r="I555" s="411"/>
      <c r="J555" s="207"/>
      <c r="K555" s="210"/>
      <c r="L555" s="211" t="s">
        <v>533</v>
      </c>
      <c r="M555" s="211" t="s">
        <v>533</v>
      </c>
      <c r="N555" s="211" t="s">
        <v>533</v>
      </c>
      <c r="O555" s="211" t="s">
        <v>533</v>
      </c>
      <c r="P555" s="211" t="s">
        <v>533</v>
      </c>
      <c r="Q555" s="211" t="s">
        <v>533</v>
      </c>
    </row>
    <row r="556" spans="1:17" s="91" customFormat="1" ht="34.5" customHeight="1" x14ac:dyDescent="0.15">
      <c r="A556" s="232"/>
      <c r="B556" s="119"/>
      <c r="C556" s="209"/>
      <c r="D556" s="340" t="s">
        <v>380</v>
      </c>
      <c r="E556" s="351"/>
      <c r="F556" s="351"/>
      <c r="G556" s="351"/>
      <c r="H556" s="341"/>
      <c r="I556" s="411"/>
      <c r="J556" s="207"/>
      <c r="K556" s="210"/>
      <c r="L556" s="211" t="s">
        <v>533</v>
      </c>
      <c r="M556" s="211" t="s">
        <v>533</v>
      </c>
      <c r="N556" s="211" t="s">
        <v>533</v>
      </c>
      <c r="O556" s="211" t="s">
        <v>533</v>
      </c>
      <c r="P556" s="211" t="s">
        <v>533</v>
      </c>
      <c r="Q556" s="211" t="s">
        <v>533</v>
      </c>
    </row>
    <row r="557" spans="1:17" s="91" customFormat="1" ht="35.1" customHeight="1" x14ac:dyDescent="0.15">
      <c r="A557" s="232"/>
      <c r="B557" s="119"/>
      <c r="C557" s="212"/>
      <c r="D557" s="340" t="s">
        <v>381</v>
      </c>
      <c r="E557" s="351"/>
      <c r="F557" s="351"/>
      <c r="G557" s="351"/>
      <c r="H557" s="341"/>
      <c r="I557" s="411"/>
      <c r="J557" s="213"/>
      <c r="K557" s="214"/>
      <c r="L557" s="211" t="s">
        <v>533</v>
      </c>
      <c r="M557" s="211" t="s">
        <v>533</v>
      </c>
      <c r="N557" s="211" t="s">
        <v>533</v>
      </c>
      <c r="O557" s="211" t="s">
        <v>533</v>
      </c>
      <c r="P557" s="211" t="s">
        <v>533</v>
      </c>
      <c r="Q557" s="211" t="s">
        <v>533</v>
      </c>
    </row>
    <row r="558" spans="1:17" s="91" customFormat="1" ht="42.75" customHeight="1" x14ac:dyDescent="0.15">
      <c r="A558" s="232"/>
      <c r="B558" s="119"/>
      <c r="C558" s="332" t="s">
        <v>384</v>
      </c>
      <c r="D558" s="333"/>
      <c r="E558" s="333"/>
      <c r="F558" s="333"/>
      <c r="G558" s="333"/>
      <c r="H558" s="334"/>
      <c r="I558" s="411"/>
      <c r="J558" s="215"/>
      <c r="K558" s="208"/>
      <c r="L558" s="131"/>
      <c r="M558" s="131"/>
      <c r="N558" s="131"/>
      <c r="O558" s="131"/>
      <c r="P558" s="131"/>
      <c r="Q558" s="132"/>
    </row>
    <row r="559" spans="1:17" s="91" customFormat="1" ht="34.5" customHeight="1" x14ac:dyDescent="0.15">
      <c r="A559" s="232"/>
      <c r="B559" s="119"/>
      <c r="C559" s="209"/>
      <c r="D559" s="340" t="s">
        <v>376</v>
      </c>
      <c r="E559" s="351"/>
      <c r="F559" s="351"/>
      <c r="G559" s="351"/>
      <c r="H559" s="341"/>
      <c r="I559" s="411"/>
      <c r="J559" s="207"/>
      <c r="K559" s="210"/>
      <c r="L559" s="211" t="s">
        <v>533</v>
      </c>
      <c r="M559" s="211" t="s">
        <v>533</v>
      </c>
      <c r="N559" s="211" t="s">
        <v>533</v>
      </c>
      <c r="O559" s="211" t="s">
        <v>533</v>
      </c>
      <c r="P559" s="211" t="s">
        <v>533</v>
      </c>
      <c r="Q559" s="211" t="s">
        <v>533</v>
      </c>
    </row>
    <row r="560" spans="1:17" s="91" customFormat="1" ht="34.5" customHeight="1" x14ac:dyDescent="0.15">
      <c r="A560" s="232"/>
      <c r="B560" s="119"/>
      <c r="C560" s="209"/>
      <c r="D560" s="340" t="s">
        <v>377</v>
      </c>
      <c r="E560" s="351"/>
      <c r="F560" s="351"/>
      <c r="G560" s="351"/>
      <c r="H560" s="341"/>
      <c r="I560" s="411"/>
      <c r="J560" s="207"/>
      <c r="K560" s="210"/>
      <c r="L560" s="211" t="s">
        <v>533</v>
      </c>
      <c r="M560" s="211" t="s">
        <v>533</v>
      </c>
      <c r="N560" s="211" t="s">
        <v>533</v>
      </c>
      <c r="O560" s="211" t="s">
        <v>533</v>
      </c>
      <c r="P560" s="211" t="s">
        <v>533</v>
      </c>
      <c r="Q560" s="211" t="s">
        <v>533</v>
      </c>
    </row>
    <row r="561" spans="1:22" s="91" customFormat="1" ht="34.5" customHeight="1" x14ac:dyDescent="0.15">
      <c r="A561" s="232"/>
      <c r="B561" s="119"/>
      <c r="C561" s="209"/>
      <c r="D561" s="340" t="s">
        <v>378</v>
      </c>
      <c r="E561" s="351"/>
      <c r="F561" s="351"/>
      <c r="G561" s="351"/>
      <c r="H561" s="341"/>
      <c r="I561" s="411"/>
      <c r="J561" s="207"/>
      <c r="K561" s="210"/>
      <c r="L561" s="211" t="s">
        <v>533</v>
      </c>
      <c r="M561" s="211" t="s">
        <v>533</v>
      </c>
      <c r="N561" s="211" t="s">
        <v>533</v>
      </c>
      <c r="O561" s="211" t="s">
        <v>533</v>
      </c>
      <c r="P561" s="211" t="s">
        <v>533</v>
      </c>
      <c r="Q561" s="211" t="s">
        <v>533</v>
      </c>
    </row>
    <row r="562" spans="1:22" s="91" customFormat="1" ht="34.5" customHeight="1" x14ac:dyDescent="0.15">
      <c r="A562" s="232"/>
      <c r="B562" s="119"/>
      <c r="C562" s="209"/>
      <c r="D562" s="340" t="s">
        <v>379</v>
      </c>
      <c r="E562" s="351"/>
      <c r="F562" s="351"/>
      <c r="G562" s="351"/>
      <c r="H562" s="341"/>
      <c r="I562" s="411"/>
      <c r="J562" s="207"/>
      <c r="K562" s="210"/>
      <c r="L562" s="211" t="s">
        <v>533</v>
      </c>
      <c r="M562" s="211" t="s">
        <v>533</v>
      </c>
      <c r="N562" s="211" t="s">
        <v>533</v>
      </c>
      <c r="O562" s="211" t="s">
        <v>533</v>
      </c>
      <c r="P562" s="211" t="s">
        <v>533</v>
      </c>
      <c r="Q562" s="211" t="s">
        <v>533</v>
      </c>
    </row>
    <row r="563" spans="1:22" s="91" customFormat="1" ht="34.5" customHeight="1" x14ac:dyDescent="0.15">
      <c r="A563" s="232"/>
      <c r="B563" s="119"/>
      <c r="C563" s="209"/>
      <c r="D563" s="340" t="s">
        <v>380</v>
      </c>
      <c r="E563" s="351"/>
      <c r="F563" s="351"/>
      <c r="G563" s="351"/>
      <c r="H563" s="341"/>
      <c r="I563" s="411"/>
      <c r="J563" s="207"/>
      <c r="K563" s="210"/>
      <c r="L563" s="211" t="s">
        <v>533</v>
      </c>
      <c r="M563" s="211" t="s">
        <v>533</v>
      </c>
      <c r="N563" s="211" t="s">
        <v>533</v>
      </c>
      <c r="O563" s="211" t="s">
        <v>533</v>
      </c>
      <c r="P563" s="211" t="s">
        <v>533</v>
      </c>
      <c r="Q563" s="211" t="s">
        <v>533</v>
      </c>
    </row>
    <row r="564" spans="1:22" s="91" customFormat="1" ht="35.1" customHeight="1" x14ac:dyDescent="0.15">
      <c r="A564" s="232"/>
      <c r="B564" s="119"/>
      <c r="C564" s="212"/>
      <c r="D564" s="340" t="s">
        <v>381</v>
      </c>
      <c r="E564" s="351"/>
      <c r="F564" s="351"/>
      <c r="G564" s="351"/>
      <c r="H564" s="341"/>
      <c r="I564" s="412"/>
      <c r="J564" s="213"/>
      <c r="K564" s="214"/>
      <c r="L564" s="211" t="s">
        <v>533</v>
      </c>
      <c r="M564" s="211" t="s">
        <v>533</v>
      </c>
      <c r="N564" s="211" t="s">
        <v>533</v>
      </c>
      <c r="O564" s="211" t="s">
        <v>533</v>
      </c>
      <c r="P564" s="211" t="s">
        <v>533</v>
      </c>
      <c r="Q564" s="211" t="s">
        <v>533</v>
      </c>
    </row>
    <row r="565" spans="1:22" s="91" customFormat="1" x14ac:dyDescent="0.15">
      <c r="A565" s="232"/>
      <c r="B565" s="18"/>
      <c r="C565" s="18"/>
      <c r="D565" s="18"/>
      <c r="E565" s="18"/>
      <c r="F565" s="18"/>
      <c r="G565" s="18"/>
      <c r="H565" s="14"/>
      <c r="I565" s="14"/>
      <c r="J565" s="88"/>
      <c r="K565" s="89"/>
      <c r="L565" s="90"/>
      <c r="M565" s="90"/>
      <c r="N565" s="90"/>
      <c r="O565" s="90"/>
      <c r="P565" s="90"/>
      <c r="Q565" s="90"/>
    </row>
    <row r="566" spans="1:22" s="83" customFormat="1" x14ac:dyDescent="0.15">
      <c r="A566" s="232"/>
      <c r="B566" s="84"/>
      <c r="C566" s="62"/>
      <c r="D566" s="62"/>
      <c r="E566" s="62"/>
      <c r="F566" s="62"/>
      <c r="G566" s="62"/>
      <c r="H566" s="92"/>
      <c r="I566" s="92"/>
      <c r="J566" s="88"/>
      <c r="K566" s="89"/>
      <c r="L566" s="90"/>
      <c r="M566" s="90"/>
      <c r="N566" s="90"/>
      <c r="O566" s="90"/>
      <c r="P566" s="90"/>
      <c r="Q566" s="90"/>
    </row>
    <row r="567" spans="1:22" s="91" customFormat="1" x14ac:dyDescent="0.15">
      <c r="A567" s="232"/>
      <c r="B567" s="119"/>
      <c r="C567" s="3"/>
      <c r="D567" s="3"/>
      <c r="E567" s="3"/>
      <c r="F567" s="3"/>
      <c r="G567" s="3"/>
      <c r="H567" s="206"/>
      <c r="I567" s="206"/>
      <c r="J567" s="61"/>
      <c r="K567" s="31"/>
      <c r="L567" s="108"/>
      <c r="M567" s="108"/>
      <c r="N567" s="108"/>
      <c r="O567" s="108"/>
      <c r="P567" s="108"/>
      <c r="Q567" s="108"/>
    </row>
    <row r="568" spans="1:22" s="91" customFormat="1" x14ac:dyDescent="0.15">
      <c r="A568" s="232"/>
      <c r="B568" s="18" t="s">
        <v>385</v>
      </c>
      <c r="C568" s="18"/>
      <c r="D568" s="18"/>
      <c r="E568" s="18"/>
      <c r="F568" s="18"/>
      <c r="G568" s="18"/>
      <c r="H568" s="14"/>
      <c r="I568" s="14"/>
      <c r="J568" s="61"/>
      <c r="K568" s="31"/>
      <c r="L568" s="108"/>
      <c r="M568" s="108"/>
      <c r="N568" s="108"/>
      <c r="O568" s="108"/>
      <c r="P568" s="108"/>
      <c r="Q568" s="108"/>
    </row>
    <row r="569" spans="1:22" x14ac:dyDescent="0.15">
      <c r="A569" s="232"/>
      <c r="B569" s="18"/>
      <c r="C569" s="18"/>
      <c r="D569" s="18"/>
      <c r="E569" s="18"/>
      <c r="F569" s="18"/>
      <c r="G569" s="18"/>
      <c r="H569" s="14"/>
      <c r="I569" s="14"/>
      <c r="L569" s="76"/>
      <c r="M569" s="76"/>
      <c r="N569" s="76"/>
      <c r="O569" s="76"/>
      <c r="P569" s="76"/>
      <c r="Q569" s="76"/>
      <c r="R569" s="8"/>
      <c r="S569" s="8"/>
      <c r="T569" s="8"/>
      <c r="U569" s="8"/>
      <c r="V569" s="8"/>
    </row>
    <row r="570" spans="1:22" s="1" customFormat="1" ht="34.5" customHeight="1" x14ac:dyDescent="0.15">
      <c r="A570" s="232"/>
      <c r="B570" s="18"/>
      <c r="C570" s="3"/>
      <c r="D570" s="3"/>
      <c r="E570" s="3"/>
      <c r="F570" s="3"/>
      <c r="G570" s="3"/>
      <c r="H570" s="206"/>
      <c r="I570" s="206"/>
      <c r="J570" s="77" t="s">
        <v>35</v>
      </c>
      <c r="K570" s="185"/>
      <c r="L570" s="66" t="s">
        <v>525</v>
      </c>
      <c r="M570" s="66" t="s">
        <v>527</v>
      </c>
      <c r="N570" s="66" t="s">
        <v>528</v>
      </c>
      <c r="O570" s="66" t="s">
        <v>529</v>
      </c>
      <c r="P570" s="66" t="s">
        <v>530</v>
      </c>
      <c r="Q570" s="66" t="s">
        <v>531</v>
      </c>
    </row>
    <row r="571" spans="1:22" s="1" customFormat="1" ht="20.25" customHeight="1" x14ac:dyDescent="0.15">
      <c r="A571" s="232"/>
      <c r="C571" s="62"/>
      <c r="D571" s="3"/>
      <c r="E571" s="3"/>
      <c r="F571" s="3"/>
      <c r="G571" s="3"/>
      <c r="H571" s="206"/>
      <c r="I571" s="67" t="s">
        <v>55</v>
      </c>
      <c r="J571" s="68"/>
      <c r="K571" s="186"/>
      <c r="L571" s="70" t="s">
        <v>526</v>
      </c>
      <c r="M571" s="70" t="s">
        <v>526</v>
      </c>
      <c r="N571" s="70" t="s">
        <v>526</v>
      </c>
      <c r="O571" s="70" t="s">
        <v>526</v>
      </c>
      <c r="P571" s="70" t="s">
        <v>526</v>
      </c>
      <c r="Q571" s="70" t="s">
        <v>526</v>
      </c>
    </row>
    <row r="572" spans="1:22" s="115" customFormat="1" ht="71.25" x14ac:dyDescent="0.15">
      <c r="A572" s="232"/>
      <c r="C572" s="324" t="s">
        <v>386</v>
      </c>
      <c r="D572" s="325"/>
      <c r="E572" s="325"/>
      <c r="F572" s="325"/>
      <c r="G572" s="325"/>
      <c r="H572" s="326"/>
      <c r="I572" s="134" t="s">
        <v>387</v>
      </c>
      <c r="J572" s="116">
        <v>0</v>
      </c>
      <c r="K572" s="201" t="s">
        <v>542</v>
      </c>
      <c r="L572" s="117">
        <v>0</v>
      </c>
      <c r="M572" s="117">
        <v>0</v>
      </c>
      <c r="N572" s="117">
        <v>0</v>
      </c>
      <c r="O572" s="117">
        <v>0</v>
      </c>
      <c r="P572" s="117">
        <v>0</v>
      </c>
      <c r="Q572" s="117">
        <v>0</v>
      </c>
    </row>
    <row r="573" spans="1:22" s="115" customFormat="1" ht="57" x14ac:dyDescent="0.15">
      <c r="A573" s="232"/>
      <c r="B573" s="84"/>
      <c r="C573" s="324" t="s">
        <v>388</v>
      </c>
      <c r="D573" s="325"/>
      <c r="E573" s="325"/>
      <c r="F573" s="325"/>
      <c r="G573" s="325"/>
      <c r="H573" s="326"/>
      <c r="I573" s="134" t="s">
        <v>389</v>
      </c>
      <c r="J573" s="116">
        <v>0</v>
      </c>
      <c r="K573" s="201" t="s">
        <v>542</v>
      </c>
      <c r="L573" s="117">
        <v>0</v>
      </c>
      <c r="M573" s="117">
        <v>0</v>
      </c>
      <c r="N573" s="117">
        <v>0</v>
      </c>
      <c r="O573" s="117">
        <v>0</v>
      </c>
      <c r="P573" s="117">
        <v>0</v>
      </c>
      <c r="Q573" s="117">
        <v>0</v>
      </c>
    </row>
    <row r="574" spans="1:22" s="115" customFormat="1" ht="85.5" x14ac:dyDescent="0.15">
      <c r="A574" s="232"/>
      <c r="B574" s="84"/>
      <c r="C574" s="324" t="s">
        <v>390</v>
      </c>
      <c r="D574" s="325"/>
      <c r="E574" s="325"/>
      <c r="F574" s="325"/>
      <c r="G574" s="325"/>
      <c r="H574" s="326"/>
      <c r="I574" s="134" t="s">
        <v>391</v>
      </c>
      <c r="J574" s="116">
        <v>0</v>
      </c>
      <c r="K574" s="201" t="s">
        <v>542</v>
      </c>
      <c r="L574" s="117">
        <v>0</v>
      </c>
      <c r="M574" s="117">
        <v>0</v>
      </c>
      <c r="N574" s="117">
        <v>0</v>
      </c>
      <c r="O574" s="117">
        <v>0</v>
      </c>
      <c r="P574" s="117">
        <v>0</v>
      </c>
      <c r="Q574" s="117">
        <v>0</v>
      </c>
    </row>
    <row r="575" spans="1:22" s="115" customFormat="1" ht="57" x14ac:dyDescent="0.15">
      <c r="A575" s="232"/>
      <c r="B575" s="84"/>
      <c r="C575" s="324" t="s">
        <v>392</v>
      </c>
      <c r="D575" s="325"/>
      <c r="E575" s="325"/>
      <c r="F575" s="325"/>
      <c r="G575" s="325"/>
      <c r="H575" s="326"/>
      <c r="I575" s="109" t="s">
        <v>393</v>
      </c>
      <c r="J575" s="116">
        <v>0</v>
      </c>
      <c r="K575" s="201" t="s">
        <v>542</v>
      </c>
      <c r="L575" s="117">
        <v>0</v>
      </c>
      <c r="M575" s="117">
        <v>0</v>
      </c>
      <c r="N575" s="117">
        <v>0</v>
      </c>
      <c r="O575" s="117">
        <v>0</v>
      </c>
      <c r="P575" s="117">
        <v>0</v>
      </c>
      <c r="Q575" s="117">
        <v>0</v>
      </c>
    </row>
    <row r="576" spans="1:22" s="115" customFormat="1" ht="85.5" x14ac:dyDescent="0.15">
      <c r="A576" s="232"/>
      <c r="B576" s="84"/>
      <c r="C576" s="324" t="s">
        <v>394</v>
      </c>
      <c r="D576" s="325"/>
      <c r="E576" s="325"/>
      <c r="F576" s="325"/>
      <c r="G576" s="325"/>
      <c r="H576" s="326"/>
      <c r="I576" s="134" t="s">
        <v>395</v>
      </c>
      <c r="J576" s="116">
        <v>0</v>
      </c>
      <c r="K576" s="201" t="s">
        <v>542</v>
      </c>
      <c r="L576" s="117">
        <v>0</v>
      </c>
      <c r="M576" s="117">
        <v>0</v>
      </c>
      <c r="N576" s="117">
        <v>0</v>
      </c>
      <c r="O576" s="117">
        <v>0</v>
      </c>
      <c r="P576" s="117">
        <v>0</v>
      </c>
      <c r="Q576" s="117">
        <v>0</v>
      </c>
    </row>
    <row r="577" spans="1:22" s="115" customFormat="1" ht="35.1" customHeight="1" x14ac:dyDescent="0.15">
      <c r="A577" s="232"/>
      <c r="B577" s="84"/>
      <c r="C577" s="343" t="s">
        <v>396</v>
      </c>
      <c r="D577" s="344"/>
      <c r="E577" s="344"/>
      <c r="F577" s="344"/>
      <c r="G577" s="344"/>
      <c r="H577" s="345"/>
      <c r="I577" s="349" t="s">
        <v>397</v>
      </c>
      <c r="J577" s="140">
        <v>0</v>
      </c>
      <c r="K577" s="187" t="s">
        <v>542</v>
      </c>
      <c r="L577" s="216"/>
      <c r="M577" s="216"/>
      <c r="N577" s="216"/>
      <c r="O577" s="216"/>
      <c r="P577" s="216"/>
      <c r="Q577" s="216"/>
    </row>
    <row r="578" spans="1:22" s="115" customFormat="1" ht="35.1" customHeight="1" x14ac:dyDescent="0.15">
      <c r="A578" s="232"/>
      <c r="B578" s="84"/>
      <c r="C578" s="103"/>
      <c r="D578" s="217"/>
      <c r="E578" s="324" t="s">
        <v>398</v>
      </c>
      <c r="F578" s="325"/>
      <c r="G578" s="325"/>
      <c r="H578" s="326"/>
      <c r="I578" s="350"/>
      <c r="J578" s="140">
        <v>0</v>
      </c>
      <c r="K578" s="187" t="s">
        <v>542</v>
      </c>
      <c r="L578" s="216"/>
      <c r="M578" s="216"/>
      <c r="N578" s="216"/>
      <c r="O578" s="216"/>
      <c r="P578" s="216"/>
      <c r="Q578" s="216"/>
    </row>
    <row r="579" spans="1:22" s="115" customFormat="1" ht="35.1" customHeight="1" x14ac:dyDescent="0.15">
      <c r="A579" s="232"/>
      <c r="B579" s="84"/>
      <c r="C579" s="343" t="s">
        <v>399</v>
      </c>
      <c r="D579" s="344"/>
      <c r="E579" s="344"/>
      <c r="F579" s="344"/>
      <c r="G579" s="344"/>
      <c r="H579" s="345"/>
      <c r="I579" s="335" t="s">
        <v>400</v>
      </c>
      <c r="J579" s="140">
        <v>0</v>
      </c>
      <c r="K579" s="187" t="s">
        <v>542</v>
      </c>
      <c r="L579" s="216"/>
      <c r="M579" s="216"/>
      <c r="N579" s="216"/>
      <c r="O579" s="216"/>
      <c r="P579" s="216"/>
      <c r="Q579" s="216"/>
    </row>
    <row r="580" spans="1:22" s="115" customFormat="1" ht="35.1" customHeight="1" x14ac:dyDescent="0.15">
      <c r="A580" s="232"/>
      <c r="B580" s="84"/>
      <c r="C580" s="103"/>
      <c r="D580" s="217"/>
      <c r="E580" s="324" t="s">
        <v>398</v>
      </c>
      <c r="F580" s="325"/>
      <c r="G580" s="325"/>
      <c r="H580" s="326"/>
      <c r="I580" s="337"/>
      <c r="J580" s="140">
        <v>0</v>
      </c>
      <c r="K580" s="187" t="s">
        <v>542</v>
      </c>
      <c r="L580" s="216"/>
      <c r="M580" s="216"/>
      <c r="N580" s="216"/>
      <c r="O580" s="216"/>
      <c r="P580" s="216"/>
      <c r="Q580" s="216"/>
    </row>
    <row r="581" spans="1:22" s="115" customFormat="1" ht="42.75" x14ac:dyDescent="0.15">
      <c r="A581" s="232"/>
      <c r="B581" s="84"/>
      <c r="C581" s="324" t="s">
        <v>401</v>
      </c>
      <c r="D581" s="325"/>
      <c r="E581" s="325"/>
      <c r="F581" s="325"/>
      <c r="G581" s="325"/>
      <c r="H581" s="326"/>
      <c r="I581" s="122" t="s">
        <v>402</v>
      </c>
      <c r="J581" s="116">
        <v>0</v>
      </c>
      <c r="K581" s="201" t="s">
        <v>542</v>
      </c>
      <c r="L581" s="216"/>
      <c r="M581" s="216"/>
      <c r="N581" s="216"/>
      <c r="O581" s="216"/>
      <c r="P581" s="216"/>
      <c r="Q581" s="216"/>
    </row>
    <row r="582" spans="1:22" s="115" customFormat="1" ht="57" x14ac:dyDescent="0.15">
      <c r="A582" s="232"/>
      <c r="B582" s="84"/>
      <c r="C582" s="324" t="s">
        <v>403</v>
      </c>
      <c r="D582" s="325"/>
      <c r="E582" s="325"/>
      <c r="F582" s="325"/>
      <c r="G582" s="325"/>
      <c r="H582" s="326"/>
      <c r="I582" s="122" t="s">
        <v>404</v>
      </c>
      <c r="J582" s="116">
        <v>0</v>
      </c>
      <c r="K582" s="201" t="s">
        <v>542</v>
      </c>
      <c r="L582" s="117">
        <v>0</v>
      </c>
      <c r="M582" s="117">
        <v>0</v>
      </c>
      <c r="N582" s="117">
        <v>0</v>
      </c>
      <c r="O582" s="117">
        <v>0</v>
      </c>
      <c r="P582" s="117">
        <v>0</v>
      </c>
      <c r="Q582" s="117">
        <v>0</v>
      </c>
    </row>
    <row r="583" spans="1:22" s="115" customFormat="1" ht="57" x14ac:dyDescent="0.15">
      <c r="A583" s="232"/>
      <c r="B583" s="84"/>
      <c r="C583" s="324" t="s">
        <v>405</v>
      </c>
      <c r="D583" s="325"/>
      <c r="E583" s="325"/>
      <c r="F583" s="325"/>
      <c r="G583" s="325"/>
      <c r="H583" s="326"/>
      <c r="I583" s="122" t="s">
        <v>406</v>
      </c>
      <c r="J583" s="116">
        <v>0</v>
      </c>
      <c r="K583" s="201" t="s">
        <v>542</v>
      </c>
      <c r="L583" s="117">
        <v>0</v>
      </c>
      <c r="M583" s="117">
        <v>0</v>
      </c>
      <c r="N583" s="117">
        <v>0</v>
      </c>
      <c r="O583" s="117">
        <v>0</v>
      </c>
      <c r="P583" s="117">
        <v>0</v>
      </c>
      <c r="Q583" s="117">
        <v>0</v>
      </c>
    </row>
    <row r="584" spans="1:22" s="91" customFormat="1" ht="57" x14ac:dyDescent="0.15">
      <c r="A584" s="232"/>
      <c r="B584" s="84"/>
      <c r="C584" s="324" t="s">
        <v>407</v>
      </c>
      <c r="D584" s="325"/>
      <c r="E584" s="325"/>
      <c r="F584" s="325"/>
      <c r="G584" s="325"/>
      <c r="H584" s="326"/>
      <c r="I584" s="122" t="s">
        <v>408</v>
      </c>
      <c r="J584" s="116">
        <v>0</v>
      </c>
      <c r="K584" s="201" t="s">
        <v>542</v>
      </c>
      <c r="L584" s="117">
        <v>0</v>
      </c>
      <c r="M584" s="117">
        <v>0</v>
      </c>
      <c r="N584" s="117">
        <v>0</v>
      </c>
      <c r="O584" s="117">
        <v>0</v>
      </c>
      <c r="P584" s="117">
        <v>0</v>
      </c>
      <c r="Q584" s="117">
        <v>0</v>
      </c>
    </row>
    <row r="585" spans="1:22" s="91" customFormat="1" ht="57" x14ac:dyDescent="0.15">
      <c r="A585" s="232"/>
      <c r="B585" s="84"/>
      <c r="C585" s="324" t="s">
        <v>409</v>
      </c>
      <c r="D585" s="325"/>
      <c r="E585" s="325"/>
      <c r="F585" s="325"/>
      <c r="G585" s="325"/>
      <c r="H585" s="326"/>
      <c r="I585" s="122" t="s">
        <v>410</v>
      </c>
      <c r="J585" s="116">
        <v>0</v>
      </c>
      <c r="K585" s="201" t="s">
        <v>542</v>
      </c>
      <c r="L585" s="117">
        <v>0</v>
      </c>
      <c r="M585" s="117">
        <v>0</v>
      </c>
      <c r="N585" s="117">
        <v>0</v>
      </c>
      <c r="O585" s="117">
        <v>0</v>
      </c>
      <c r="P585" s="117">
        <v>0</v>
      </c>
      <c r="Q585" s="117">
        <v>0</v>
      </c>
    </row>
    <row r="586" spans="1:22" s="91" customFormat="1" ht="42.75" x14ac:dyDescent="0.15">
      <c r="A586" s="232"/>
      <c r="B586" s="84"/>
      <c r="C586" s="324" t="s">
        <v>411</v>
      </c>
      <c r="D586" s="325"/>
      <c r="E586" s="325"/>
      <c r="F586" s="325"/>
      <c r="G586" s="325"/>
      <c r="H586" s="326"/>
      <c r="I586" s="218" t="s">
        <v>412</v>
      </c>
      <c r="J586" s="116">
        <v>0</v>
      </c>
      <c r="K586" s="201" t="s">
        <v>542</v>
      </c>
      <c r="L586" s="117">
        <v>0</v>
      </c>
      <c r="M586" s="117">
        <v>0</v>
      </c>
      <c r="N586" s="117">
        <v>0</v>
      </c>
      <c r="O586" s="117">
        <v>0</v>
      </c>
      <c r="P586" s="117">
        <v>0</v>
      </c>
      <c r="Q586" s="117">
        <v>0</v>
      </c>
    </row>
    <row r="587" spans="1:22" s="91" customFormat="1" ht="57" x14ac:dyDescent="0.15">
      <c r="A587" s="232"/>
      <c r="B587" s="84"/>
      <c r="C587" s="324" t="s">
        <v>413</v>
      </c>
      <c r="D587" s="325"/>
      <c r="E587" s="325"/>
      <c r="F587" s="325"/>
      <c r="G587" s="325"/>
      <c r="H587" s="326"/>
      <c r="I587" s="122" t="s">
        <v>414</v>
      </c>
      <c r="J587" s="116">
        <v>0</v>
      </c>
      <c r="K587" s="201" t="s">
        <v>542</v>
      </c>
      <c r="L587" s="117">
        <v>0</v>
      </c>
      <c r="M587" s="117">
        <v>0</v>
      </c>
      <c r="N587" s="117">
        <v>0</v>
      </c>
      <c r="O587" s="117">
        <v>0</v>
      </c>
      <c r="P587" s="117">
        <v>0</v>
      </c>
      <c r="Q587" s="117">
        <v>0</v>
      </c>
    </row>
    <row r="588" spans="1:22" s="91" customFormat="1" x14ac:dyDescent="0.15">
      <c r="A588" s="232"/>
      <c r="B588" s="18"/>
      <c r="C588" s="18"/>
      <c r="D588" s="18"/>
      <c r="E588" s="18"/>
      <c r="F588" s="18"/>
      <c r="G588" s="18"/>
      <c r="H588" s="14"/>
      <c r="I588" s="14"/>
      <c r="J588" s="88"/>
      <c r="K588" s="89"/>
      <c r="L588" s="90"/>
      <c r="M588" s="90"/>
      <c r="N588" s="90"/>
      <c r="O588" s="90"/>
      <c r="P588" s="90"/>
      <c r="Q588" s="90"/>
    </row>
    <row r="589" spans="1:22" s="83" customFormat="1" x14ac:dyDescent="0.15">
      <c r="A589" s="232"/>
      <c r="B589" s="84"/>
      <c r="C589" s="62"/>
      <c r="D589" s="62"/>
      <c r="E589" s="62"/>
      <c r="F589" s="62"/>
      <c r="G589" s="62"/>
      <c r="H589" s="92"/>
      <c r="I589" s="92"/>
      <c r="J589" s="88"/>
      <c r="K589" s="89"/>
      <c r="L589" s="90"/>
      <c r="M589" s="90"/>
      <c r="N589" s="90"/>
      <c r="O589" s="90"/>
      <c r="P589" s="90"/>
      <c r="Q589" s="90"/>
    </row>
    <row r="590" spans="1:22" s="91" customFormat="1" x14ac:dyDescent="0.15">
      <c r="A590" s="232"/>
      <c r="B590" s="84"/>
      <c r="C590" s="3"/>
      <c r="D590" s="3"/>
      <c r="E590" s="135"/>
      <c r="F590" s="135"/>
      <c r="G590" s="135"/>
      <c r="H590" s="136"/>
      <c r="I590" s="136"/>
      <c r="J590" s="88"/>
      <c r="K590" s="89"/>
      <c r="L590" s="90"/>
      <c r="M590" s="90"/>
      <c r="N590" s="90"/>
      <c r="O590" s="90"/>
      <c r="P590" s="90"/>
      <c r="Q590" s="90"/>
    </row>
    <row r="591" spans="1:22" s="91" customFormat="1" x14ac:dyDescent="0.15">
      <c r="A591" s="232"/>
      <c r="B591" s="18" t="s">
        <v>415</v>
      </c>
      <c r="C591" s="107"/>
      <c r="D591" s="107"/>
      <c r="E591" s="107"/>
      <c r="F591" s="107"/>
      <c r="G591" s="107"/>
      <c r="H591" s="14"/>
      <c r="I591" s="14"/>
      <c r="J591" s="88"/>
      <c r="K591" s="89"/>
      <c r="L591" s="90"/>
      <c r="M591" s="90"/>
      <c r="N591" s="90"/>
      <c r="O591" s="90"/>
      <c r="P591" s="90"/>
      <c r="Q591" s="90"/>
    </row>
    <row r="592" spans="1:22" x14ac:dyDescent="0.15">
      <c r="A592" s="232"/>
      <c r="B592" s="18"/>
      <c r="C592" s="18"/>
      <c r="D592" s="18"/>
      <c r="E592" s="18"/>
      <c r="F592" s="18"/>
      <c r="G592" s="18"/>
      <c r="H592" s="14"/>
      <c r="I592" s="14"/>
      <c r="L592" s="76"/>
      <c r="M592" s="76"/>
      <c r="N592" s="76"/>
      <c r="O592" s="76"/>
      <c r="P592" s="76"/>
      <c r="Q592" s="76"/>
      <c r="R592" s="8"/>
      <c r="S592" s="8"/>
      <c r="T592" s="8"/>
      <c r="U592" s="8"/>
      <c r="V592" s="8"/>
    </row>
    <row r="593" spans="1:22" ht="34.5" customHeight="1" x14ac:dyDescent="0.15">
      <c r="A593" s="232"/>
      <c r="B593" s="18"/>
      <c r="C593" s="3"/>
      <c r="D593" s="3"/>
      <c r="F593" s="3"/>
      <c r="G593" s="3"/>
      <c r="H593" s="206"/>
      <c r="I593" s="206"/>
      <c r="J593" s="77" t="s">
        <v>35</v>
      </c>
      <c r="K593" s="219"/>
      <c r="L593" s="66" t="s">
        <v>525</v>
      </c>
      <c r="M593" s="66" t="s">
        <v>527</v>
      </c>
      <c r="N593" s="66" t="s">
        <v>528</v>
      </c>
      <c r="O593" s="66" t="s">
        <v>529</v>
      </c>
      <c r="P593" s="66" t="s">
        <v>530</v>
      </c>
      <c r="Q593" s="66" t="s">
        <v>531</v>
      </c>
      <c r="R593" s="8"/>
      <c r="S593" s="8"/>
      <c r="T593" s="8"/>
      <c r="U593" s="8"/>
      <c r="V593" s="8"/>
    </row>
    <row r="594" spans="1:22" ht="20.25" customHeight="1" x14ac:dyDescent="0.15">
      <c r="A594" s="232"/>
      <c r="B594" s="1"/>
      <c r="C594" s="62"/>
      <c r="D594" s="3"/>
      <c r="F594" s="3"/>
      <c r="G594" s="3"/>
      <c r="H594" s="206"/>
      <c r="I594" s="67" t="s">
        <v>55</v>
      </c>
      <c r="J594" s="68"/>
      <c r="K594" s="220"/>
      <c r="L594" s="70" t="s">
        <v>526</v>
      </c>
      <c r="M594" s="70" t="s">
        <v>526</v>
      </c>
      <c r="N594" s="70" t="s">
        <v>526</v>
      </c>
      <c r="O594" s="70" t="s">
        <v>526</v>
      </c>
      <c r="P594" s="70" t="s">
        <v>526</v>
      </c>
      <c r="Q594" s="70" t="s">
        <v>526</v>
      </c>
      <c r="R594" s="8"/>
      <c r="S594" s="8"/>
      <c r="T594" s="8"/>
      <c r="U594" s="8"/>
      <c r="V594" s="8"/>
    </row>
    <row r="595" spans="1:22" s="118" customFormat="1" ht="71.25" customHeight="1" x14ac:dyDescent="0.15">
      <c r="A595" s="232"/>
      <c r="B595" s="115"/>
      <c r="C595" s="324" t="s">
        <v>416</v>
      </c>
      <c r="D595" s="325"/>
      <c r="E595" s="325"/>
      <c r="F595" s="325"/>
      <c r="G595" s="325"/>
      <c r="H595" s="326"/>
      <c r="I595" s="354" t="s">
        <v>417</v>
      </c>
      <c r="J595" s="116">
        <v>0</v>
      </c>
      <c r="K595" s="201" t="s">
        <v>542</v>
      </c>
      <c r="L595" s="117">
        <v>0</v>
      </c>
      <c r="M595" s="117">
        <v>0</v>
      </c>
      <c r="N595" s="117">
        <v>0</v>
      </c>
      <c r="O595" s="117">
        <v>0</v>
      </c>
      <c r="P595" s="117">
        <v>0</v>
      </c>
      <c r="Q595" s="117">
        <v>0</v>
      </c>
    </row>
    <row r="596" spans="1:22" s="118" customFormat="1" ht="71.25" customHeight="1" x14ac:dyDescent="0.15">
      <c r="A596" s="232"/>
      <c r="B596" s="115"/>
      <c r="C596" s="324" t="s">
        <v>418</v>
      </c>
      <c r="D596" s="325"/>
      <c r="E596" s="325"/>
      <c r="F596" s="325"/>
      <c r="G596" s="325"/>
      <c r="H596" s="326"/>
      <c r="I596" s="355"/>
      <c r="J596" s="116">
        <v>0</v>
      </c>
      <c r="K596" s="201" t="s">
        <v>542</v>
      </c>
      <c r="L596" s="117">
        <v>0</v>
      </c>
      <c r="M596" s="117">
        <v>0</v>
      </c>
      <c r="N596" s="117">
        <v>0</v>
      </c>
      <c r="O596" s="117">
        <v>0</v>
      </c>
      <c r="P596" s="117">
        <v>0</v>
      </c>
      <c r="Q596" s="117">
        <v>0</v>
      </c>
    </row>
    <row r="597" spans="1:22" s="118" customFormat="1" ht="85.5" x14ac:dyDescent="0.15">
      <c r="A597" s="232"/>
      <c r="B597" s="115"/>
      <c r="C597" s="324" t="s">
        <v>419</v>
      </c>
      <c r="D597" s="325"/>
      <c r="E597" s="325"/>
      <c r="F597" s="325"/>
      <c r="G597" s="325"/>
      <c r="H597" s="326"/>
      <c r="I597" s="122" t="s">
        <v>420</v>
      </c>
      <c r="J597" s="116">
        <v>0</v>
      </c>
      <c r="K597" s="201" t="s">
        <v>542</v>
      </c>
      <c r="L597" s="117">
        <v>0</v>
      </c>
      <c r="M597" s="117">
        <v>0</v>
      </c>
      <c r="N597" s="117">
        <v>0</v>
      </c>
      <c r="O597" s="117">
        <v>0</v>
      </c>
      <c r="P597" s="117">
        <v>0</v>
      </c>
      <c r="Q597" s="117">
        <v>0</v>
      </c>
    </row>
    <row r="598" spans="1:22" s="118" customFormat="1" ht="71.25" x14ac:dyDescent="0.15">
      <c r="A598" s="232"/>
      <c r="B598" s="119"/>
      <c r="C598" s="324" t="s">
        <v>421</v>
      </c>
      <c r="D598" s="325"/>
      <c r="E598" s="325"/>
      <c r="F598" s="325"/>
      <c r="G598" s="325"/>
      <c r="H598" s="326"/>
      <c r="I598" s="122" t="s">
        <v>422</v>
      </c>
      <c r="J598" s="116">
        <v>0</v>
      </c>
      <c r="K598" s="201" t="s">
        <v>542</v>
      </c>
      <c r="L598" s="117">
        <v>0</v>
      </c>
      <c r="M598" s="117">
        <v>0</v>
      </c>
      <c r="N598" s="117">
        <v>0</v>
      </c>
      <c r="O598" s="117">
        <v>0</v>
      </c>
      <c r="P598" s="117">
        <v>0</v>
      </c>
      <c r="Q598" s="117">
        <v>0</v>
      </c>
    </row>
    <row r="599" spans="1:22" s="118" customFormat="1" ht="85.5" x14ac:dyDescent="0.15">
      <c r="A599" s="232"/>
      <c r="B599" s="119"/>
      <c r="C599" s="324" t="s">
        <v>423</v>
      </c>
      <c r="D599" s="325"/>
      <c r="E599" s="325"/>
      <c r="F599" s="325"/>
      <c r="G599" s="325"/>
      <c r="H599" s="326"/>
      <c r="I599" s="122" t="s">
        <v>424</v>
      </c>
      <c r="J599" s="116">
        <v>0</v>
      </c>
      <c r="K599" s="201" t="s">
        <v>542</v>
      </c>
      <c r="L599" s="117">
        <v>0</v>
      </c>
      <c r="M599" s="117">
        <v>0</v>
      </c>
      <c r="N599" s="117">
        <v>0</v>
      </c>
      <c r="O599" s="117">
        <v>0</v>
      </c>
      <c r="P599" s="117">
        <v>0</v>
      </c>
      <c r="Q599" s="117">
        <v>0</v>
      </c>
    </row>
    <row r="600" spans="1:22" s="118" customFormat="1" ht="71.25" x14ac:dyDescent="0.15">
      <c r="A600" s="232"/>
      <c r="B600" s="119"/>
      <c r="C600" s="324" t="s">
        <v>425</v>
      </c>
      <c r="D600" s="325"/>
      <c r="E600" s="325"/>
      <c r="F600" s="325"/>
      <c r="G600" s="325"/>
      <c r="H600" s="326"/>
      <c r="I600" s="122" t="s">
        <v>426</v>
      </c>
      <c r="J600" s="116">
        <v>0</v>
      </c>
      <c r="K600" s="201" t="s">
        <v>542</v>
      </c>
      <c r="L600" s="117">
        <v>0</v>
      </c>
      <c r="M600" s="117">
        <v>0</v>
      </c>
      <c r="N600" s="117">
        <v>0</v>
      </c>
      <c r="O600" s="117">
        <v>0</v>
      </c>
      <c r="P600" s="117">
        <v>0</v>
      </c>
      <c r="Q600" s="117">
        <v>0</v>
      </c>
    </row>
    <row r="601" spans="1:22" s="118" customFormat="1" ht="71.25" x14ac:dyDescent="0.15">
      <c r="A601" s="232"/>
      <c r="B601" s="119"/>
      <c r="C601" s="324" t="s">
        <v>427</v>
      </c>
      <c r="D601" s="325"/>
      <c r="E601" s="325"/>
      <c r="F601" s="325"/>
      <c r="G601" s="325"/>
      <c r="H601" s="326"/>
      <c r="I601" s="122" t="s">
        <v>428</v>
      </c>
      <c r="J601" s="116">
        <v>0</v>
      </c>
      <c r="K601" s="201" t="s">
        <v>542</v>
      </c>
      <c r="L601" s="117">
        <v>0</v>
      </c>
      <c r="M601" s="117">
        <v>0</v>
      </c>
      <c r="N601" s="117">
        <v>0</v>
      </c>
      <c r="O601" s="117">
        <v>0</v>
      </c>
      <c r="P601" s="117">
        <v>0</v>
      </c>
      <c r="Q601" s="117">
        <v>0</v>
      </c>
    </row>
    <row r="602" spans="1:22" s="118" customFormat="1" ht="85.5" x14ac:dyDescent="0.15">
      <c r="A602" s="232"/>
      <c r="B602" s="119"/>
      <c r="C602" s="324" t="s">
        <v>429</v>
      </c>
      <c r="D602" s="325"/>
      <c r="E602" s="325"/>
      <c r="F602" s="325"/>
      <c r="G602" s="325"/>
      <c r="H602" s="326"/>
      <c r="I602" s="122" t="s">
        <v>430</v>
      </c>
      <c r="J602" s="116">
        <v>0</v>
      </c>
      <c r="K602" s="201" t="s">
        <v>542</v>
      </c>
      <c r="L602" s="117">
        <v>0</v>
      </c>
      <c r="M602" s="117">
        <v>0</v>
      </c>
      <c r="N602" s="117">
        <v>0</v>
      </c>
      <c r="O602" s="117">
        <v>0</v>
      </c>
      <c r="P602" s="117">
        <v>0</v>
      </c>
      <c r="Q602" s="117">
        <v>0</v>
      </c>
    </row>
    <row r="603" spans="1:22" s="91" customFormat="1" x14ac:dyDescent="0.15">
      <c r="A603" s="232"/>
      <c r="B603" s="18"/>
      <c r="C603" s="18"/>
      <c r="D603" s="18"/>
      <c r="E603" s="18"/>
      <c r="F603" s="18"/>
      <c r="G603" s="18"/>
      <c r="H603" s="14"/>
      <c r="I603" s="14"/>
      <c r="J603" s="88"/>
      <c r="K603" s="89"/>
      <c r="L603" s="90"/>
      <c r="M603" s="90"/>
      <c r="N603" s="90"/>
      <c r="O603" s="90"/>
      <c r="P603" s="90"/>
      <c r="Q603" s="90"/>
    </row>
    <row r="604" spans="1:22" s="83" customFormat="1" x14ac:dyDescent="0.15">
      <c r="A604" s="232"/>
      <c r="B604" s="84"/>
      <c r="C604" s="62"/>
      <c r="D604" s="62"/>
      <c r="E604" s="62"/>
      <c r="F604" s="62"/>
      <c r="G604" s="62"/>
      <c r="H604" s="92"/>
      <c r="I604" s="92"/>
      <c r="J604" s="88"/>
      <c r="K604" s="89"/>
      <c r="L604" s="90"/>
      <c r="M604" s="90"/>
      <c r="N604" s="90"/>
      <c r="O604" s="90"/>
      <c r="P604" s="90"/>
      <c r="Q604" s="90"/>
    </row>
    <row r="605" spans="1:22" s="115" customFormat="1" x14ac:dyDescent="0.15">
      <c r="A605" s="232"/>
      <c r="B605" s="119"/>
      <c r="C605" s="3"/>
      <c r="D605" s="3"/>
      <c r="E605" s="3"/>
      <c r="F605" s="3"/>
      <c r="G605" s="3"/>
      <c r="H605" s="206"/>
      <c r="I605" s="206"/>
      <c r="J605" s="61"/>
      <c r="K605" s="31"/>
      <c r="L605" s="108"/>
      <c r="M605" s="108"/>
      <c r="N605" s="108"/>
      <c r="O605" s="108"/>
      <c r="P605" s="108"/>
      <c r="Q605" s="108"/>
    </row>
    <row r="606" spans="1:22" s="115" customFormat="1" x14ac:dyDescent="0.15">
      <c r="A606" s="232"/>
      <c r="B606" s="18" t="s">
        <v>431</v>
      </c>
      <c r="C606" s="3"/>
      <c r="D606" s="3"/>
      <c r="E606" s="3"/>
      <c r="F606" s="3"/>
      <c r="G606" s="3"/>
      <c r="H606" s="206"/>
      <c r="I606" s="206"/>
      <c r="J606" s="61"/>
      <c r="K606" s="31"/>
      <c r="L606" s="108"/>
      <c r="M606" s="108"/>
      <c r="N606" s="108"/>
      <c r="O606" s="108"/>
      <c r="P606" s="108"/>
      <c r="Q606" s="108"/>
    </row>
    <row r="607" spans="1:22" x14ac:dyDescent="0.15">
      <c r="A607" s="232"/>
      <c r="B607" s="18"/>
      <c r="C607" s="18"/>
      <c r="D607" s="18"/>
      <c r="E607" s="18"/>
      <c r="F607" s="18"/>
      <c r="G607" s="18"/>
      <c r="H607" s="14"/>
      <c r="I607" s="14"/>
      <c r="J607" s="63"/>
      <c r="K607" s="31"/>
      <c r="L607" s="76"/>
      <c r="M607" s="76"/>
      <c r="N607" s="76"/>
      <c r="O607" s="76"/>
      <c r="P607" s="76"/>
      <c r="Q607" s="76"/>
      <c r="R607" s="8"/>
      <c r="S607" s="8"/>
      <c r="T607" s="8"/>
      <c r="U607" s="8"/>
      <c r="V607" s="8"/>
    </row>
    <row r="608" spans="1:22" ht="34.5" customHeight="1" x14ac:dyDescent="0.15">
      <c r="A608" s="232"/>
      <c r="B608" s="18"/>
      <c r="C608" s="3"/>
      <c r="D608" s="3"/>
      <c r="F608" s="3"/>
      <c r="G608" s="3"/>
      <c r="H608" s="206"/>
      <c r="I608" s="206"/>
      <c r="J608" s="77" t="s">
        <v>35</v>
      </c>
      <c r="K608" s="185"/>
      <c r="L608" s="66" t="s">
        <v>525</v>
      </c>
      <c r="M608" s="66" t="s">
        <v>527</v>
      </c>
      <c r="N608" s="66" t="s">
        <v>528</v>
      </c>
      <c r="O608" s="66" t="s">
        <v>529</v>
      </c>
      <c r="P608" s="66" t="s">
        <v>530</v>
      </c>
      <c r="Q608" s="66" t="s">
        <v>531</v>
      </c>
      <c r="R608" s="8"/>
      <c r="S608" s="8"/>
      <c r="T608" s="8"/>
      <c r="U608" s="8"/>
      <c r="V608" s="8"/>
    </row>
    <row r="609" spans="1:22" ht="20.25" customHeight="1" x14ac:dyDescent="0.15">
      <c r="A609" s="232"/>
      <c r="B609" s="1"/>
      <c r="C609" s="62"/>
      <c r="D609" s="3"/>
      <c r="F609" s="3"/>
      <c r="G609" s="3"/>
      <c r="H609" s="206"/>
      <c r="I609" s="67" t="s">
        <v>55</v>
      </c>
      <c r="J609" s="68"/>
      <c r="K609" s="186"/>
      <c r="L609" s="70" t="s">
        <v>526</v>
      </c>
      <c r="M609" s="70" t="s">
        <v>526</v>
      </c>
      <c r="N609" s="70" t="s">
        <v>526</v>
      </c>
      <c r="O609" s="70" t="s">
        <v>526</v>
      </c>
      <c r="P609" s="70" t="s">
        <v>526</v>
      </c>
      <c r="Q609" s="70" t="s">
        <v>526</v>
      </c>
      <c r="R609" s="8"/>
      <c r="S609" s="8"/>
      <c r="T609" s="8"/>
      <c r="U609" s="8"/>
      <c r="V609" s="8"/>
    </row>
    <row r="610" spans="1:22" s="118" customFormat="1" ht="57" x14ac:dyDescent="0.15">
      <c r="A610" s="232"/>
      <c r="B610" s="115"/>
      <c r="C610" s="324" t="s">
        <v>432</v>
      </c>
      <c r="D610" s="325"/>
      <c r="E610" s="325"/>
      <c r="F610" s="325"/>
      <c r="G610" s="325"/>
      <c r="H610" s="326"/>
      <c r="I610" s="122" t="s">
        <v>433</v>
      </c>
      <c r="J610" s="116">
        <v>0</v>
      </c>
      <c r="K610" s="201" t="s">
        <v>542</v>
      </c>
      <c r="L610" s="117">
        <v>0</v>
      </c>
      <c r="M610" s="117">
        <v>0</v>
      </c>
      <c r="N610" s="117">
        <v>0</v>
      </c>
      <c r="O610" s="117">
        <v>0</v>
      </c>
      <c r="P610" s="117">
        <v>0</v>
      </c>
      <c r="Q610" s="117">
        <v>0</v>
      </c>
    </row>
    <row r="611" spans="1:22" s="118" customFormat="1" ht="57" x14ac:dyDescent="0.15">
      <c r="A611" s="232"/>
      <c r="B611" s="119"/>
      <c r="C611" s="324" t="s">
        <v>434</v>
      </c>
      <c r="D611" s="325"/>
      <c r="E611" s="325"/>
      <c r="F611" s="325"/>
      <c r="G611" s="325"/>
      <c r="H611" s="326"/>
      <c r="I611" s="122" t="s">
        <v>435</v>
      </c>
      <c r="J611" s="116">
        <v>0</v>
      </c>
      <c r="K611" s="201" t="s">
        <v>542</v>
      </c>
      <c r="L611" s="117">
        <v>0</v>
      </c>
      <c r="M611" s="117">
        <v>0</v>
      </c>
      <c r="N611" s="117">
        <v>0</v>
      </c>
      <c r="O611" s="117">
        <v>0</v>
      </c>
      <c r="P611" s="117">
        <v>0</v>
      </c>
      <c r="Q611" s="117">
        <v>0</v>
      </c>
    </row>
    <row r="612" spans="1:22" s="118" customFormat="1" ht="57" x14ac:dyDescent="0.15">
      <c r="A612" s="232"/>
      <c r="B612" s="119"/>
      <c r="C612" s="324" t="s">
        <v>436</v>
      </c>
      <c r="D612" s="325"/>
      <c r="E612" s="325"/>
      <c r="F612" s="325"/>
      <c r="G612" s="325"/>
      <c r="H612" s="326"/>
      <c r="I612" s="122" t="s">
        <v>437</v>
      </c>
      <c r="J612" s="116">
        <v>0</v>
      </c>
      <c r="K612" s="201" t="s">
        <v>542</v>
      </c>
      <c r="L612" s="117">
        <v>0</v>
      </c>
      <c r="M612" s="117">
        <v>0</v>
      </c>
      <c r="N612" s="117">
        <v>0</v>
      </c>
      <c r="O612" s="117">
        <v>0</v>
      </c>
      <c r="P612" s="117">
        <v>0</v>
      </c>
      <c r="Q612" s="117">
        <v>0</v>
      </c>
    </row>
    <row r="613" spans="1:22" s="118" customFormat="1" ht="57" x14ac:dyDescent="0.15">
      <c r="A613" s="232"/>
      <c r="B613" s="119"/>
      <c r="C613" s="324" t="s">
        <v>438</v>
      </c>
      <c r="D613" s="325"/>
      <c r="E613" s="325"/>
      <c r="F613" s="325"/>
      <c r="G613" s="325"/>
      <c r="H613" s="326"/>
      <c r="I613" s="122" t="s">
        <v>439</v>
      </c>
      <c r="J613" s="116">
        <v>0</v>
      </c>
      <c r="K613" s="201" t="s">
        <v>542</v>
      </c>
      <c r="L613" s="117">
        <v>0</v>
      </c>
      <c r="M613" s="117">
        <v>0</v>
      </c>
      <c r="N613" s="117">
        <v>0</v>
      </c>
      <c r="O613" s="117">
        <v>0</v>
      </c>
      <c r="P613" s="117">
        <v>0</v>
      </c>
      <c r="Q613" s="117">
        <v>0</v>
      </c>
    </row>
    <row r="614" spans="1:22" s="118" customFormat="1" ht="85.5" x14ac:dyDescent="0.15">
      <c r="A614" s="232"/>
      <c r="B614" s="119"/>
      <c r="C614" s="324" t="s">
        <v>440</v>
      </c>
      <c r="D614" s="325"/>
      <c r="E614" s="325"/>
      <c r="F614" s="325"/>
      <c r="G614" s="325"/>
      <c r="H614" s="326"/>
      <c r="I614" s="122" t="s">
        <v>441</v>
      </c>
      <c r="J614" s="116">
        <v>0</v>
      </c>
      <c r="K614" s="201" t="s">
        <v>542</v>
      </c>
      <c r="L614" s="117">
        <v>0</v>
      </c>
      <c r="M614" s="117">
        <v>0</v>
      </c>
      <c r="N614" s="117">
        <v>0</v>
      </c>
      <c r="O614" s="117">
        <v>0</v>
      </c>
      <c r="P614" s="117">
        <v>0</v>
      </c>
      <c r="Q614" s="117">
        <v>0</v>
      </c>
    </row>
    <row r="615" spans="1:22" s="118" customFormat="1" ht="71.25" x14ac:dyDescent="0.15">
      <c r="A615" s="232"/>
      <c r="B615" s="119"/>
      <c r="C615" s="324" t="s">
        <v>442</v>
      </c>
      <c r="D615" s="325"/>
      <c r="E615" s="325"/>
      <c r="F615" s="325"/>
      <c r="G615" s="325"/>
      <c r="H615" s="326"/>
      <c r="I615" s="122" t="s">
        <v>443</v>
      </c>
      <c r="J615" s="116">
        <v>92</v>
      </c>
      <c r="K615" s="201" t="s">
        <v>543</v>
      </c>
      <c r="L615" s="117">
        <v>30</v>
      </c>
      <c r="M615" s="117">
        <v>29</v>
      </c>
      <c r="N615" s="117">
        <v>33</v>
      </c>
      <c r="O615" s="117" t="s">
        <v>541</v>
      </c>
      <c r="P615" s="117" t="s">
        <v>541</v>
      </c>
      <c r="Q615" s="117" t="s">
        <v>541</v>
      </c>
    </row>
    <row r="616" spans="1:22" s="118" customFormat="1" ht="99.75" x14ac:dyDescent="0.15">
      <c r="A616" s="232"/>
      <c r="B616" s="119"/>
      <c r="C616" s="324" t="s">
        <v>444</v>
      </c>
      <c r="D616" s="325"/>
      <c r="E616" s="325"/>
      <c r="F616" s="325"/>
      <c r="G616" s="325"/>
      <c r="H616" s="326"/>
      <c r="I616" s="122" t="s">
        <v>445</v>
      </c>
      <c r="J616" s="116">
        <v>0</v>
      </c>
      <c r="K616" s="201" t="s">
        <v>542</v>
      </c>
      <c r="L616" s="117">
        <v>0</v>
      </c>
      <c r="M616" s="117">
        <v>0</v>
      </c>
      <c r="N616" s="117">
        <v>0</v>
      </c>
      <c r="O616" s="117">
        <v>0</v>
      </c>
      <c r="P616" s="117">
        <v>0</v>
      </c>
      <c r="Q616" s="117">
        <v>0</v>
      </c>
    </row>
    <row r="617" spans="1:22" s="118" customFormat="1" ht="71.25" x14ac:dyDescent="0.15">
      <c r="A617" s="232"/>
      <c r="B617" s="119"/>
      <c r="C617" s="324" t="s">
        <v>446</v>
      </c>
      <c r="D617" s="325"/>
      <c r="E617" s="325"/>
      <c r="F617" s="325"/>
      <c r="G617" s="325"/>
      <c r="H617" s="326"/>
      <c r="I617" s="122" t="s">
        <v>447</v>
      </c>
      <c r="J617" s="116">
        <v>0</v>
      </c>
      <c r="K617" s="201" t="s">
        <v>542</v>
      </c>
      <c r="L617" s="117">
        <v>0</v>
      </c>
      <c r="M617" s="117">
        <v>0</v>
      </c>
      <c r="N617" s="117">
        <v>0</v>
      </c>
      <c r="O617" s="117">
        <v>0</v>
      </c>
      <c r="P617" s="117">
        <v>0</v>
      </c>
      <c r="Q617" s="117">
        <v>0</v>
      </c>
    </row>
    <row r="618" spans="1:22" s="91" customFormat="1" x14ac:dyDescent="0.15">
      <c r="A618" s="232"/>
      <c r="B618" s="18"/>
      <c r="C618" s="18"/>
      <c r="D618" s="18"/>
      <c r="E618" s="18"/>
      <c r="F618" s="18"/>
      <c r="G618" s="18"/>
      <c r="H618" s="14"/>
      <c r="I618" s="14"/>
      <c r="J618" s="88"/>
      <c r="K618" s="89"/>
      <c r="L618" s="90"/>
      <c r="M618" s="90"/>
      <c r="N618" s="90"/>
      <c r="O618" s="90"/>
      <c r="P618" s="90"/>
      <c r="Q618" s="90"/>
    </row>
    <row r="619" spans="1:22" s="83" customFormat="1" x14ac:dyDescent="0.15">
      <c r="A619" s="232"/>
      <c r="B619" s="84"/>
      <c r="C619" s="62"/>
      <c r="D619" s="62"/>
      <c r="E619" s="62"/>
      <c r="F619" s="62"/>
      <c r="G619" s="62"/>
      <c r="H619" s="92"/>
      <c r="I619" s="92"/>
      <c r="J619" s="88"/>
      <c r="K619" s="89"/>
      <c r="L619" s="90"/>
      <c r="M619" s="90"/>
      <c r="N619" s="90"/>
      <c r="O619" s="90"/>
      <c r="P619" s="90"/>
      <c r="Q619" s="90"/>
    </row>
    <row r="620" spans="1:22" s="115" customFormat="1" x14ac:dyDescent="0.15">
      <c r="A620" s="232"/>
      <c r="B620" s="119"/>
      <c r="C620" s="3"/>
      <c r="D620" s="3"/>
      <c r="E620" s="3"/>
      <c r="F620" s="3"/>
      <c r="G620" s="3"/>
      <c r="H620" s="206"/>
      <c r="I620" s="206"/>
      <c r="J620" s="61"/>
      <c r="K620" s="31"/>
      <c r="L620" s="108"/>
      <c r="M620" s="108"/>
      <c r="N620" s="108"/>
      <c r="O620" s="108"/>
      <c r="P620" s="108"/>
      <c r="Q620" s="108"/>
    </row>
    <row r="621" spans="1:22" s="115" customFormat="1" x14ac:dyDescent="0.15">
      <c r="A621" s="232"/>
      <c r="B621" s="18" t="s">
        <v>448</v>
      </c>
      <c r="C621" s="3"/>
      <c r="D621" s="3"/>
      <c r="E621" s="3"/>
      <c r="F621" s="3"/>
      <c r="G621" s="3"/>
      <c r="H621" s="206"/>
      <c r="I621" s="206"/>
      <c r="J621" s="61"/>
      <c r="K621" s="31"/>
      <c r="L621" s="108"/>
      <c r="M621" s="108"/>
      <c r="N621" s="108"/>
      <c r="O621" s="108"/>
      <c r="P621" s="108"/>
      <c r="Q621" s="108"/>
    </row>
    <row r="622" spans="1:22" x14ac:dyDescent="0.15">
      <c r="A622" s="232"/>
      <c r="B622" s="18"/>
      <c r="C622" s="18"/>
      <c r="D622" s="18"/>
      <c r="E622" s="18"/>
      <c r="F622" s="18"/>
      <c r="G622" s="18"/>
      <c r="H622" s="14"/>
      <c r="I622" s="14"/>
      <c r="J622" s="63"/>
      <c r="K622" s="31"/>
      <c r="L622" s="76"/>
      <c r="M622" s="76"/>
      <c r="N622" s="76"/>
      <c r="O622" s="76"/>
      <c r="P622" s="76"/>
      <c r="Q622" s="76"/>
      <c r="R622" s="8"/>
      <c r="S622" s="8"/>
      <c r="T622" s="8"/>
      <c r="U622" s="8"/>
      <c r="V622" s="8"/>
    </row>
    <row r="623" spans="1:22" ht="34.5" customHeight="1" x14ac:dyDescent="0.15">
      <c r="A623" s="232"/>
      <c r="B623" s="18"/>
      <c r="C623" s="3"/>
      <c r="D623" s="3"/>
      <c r="F623" s="3"/>
      <c r="G623" s="3"/>
      <c r="H623" s="206"/>
      <c r="I623" s="206"/>
      <c r="J623" s="77" t="s">
        <v>35</v>
      </c>
      <c r="K623" s="185"/>
      <c r="L623" s="66" t="s">
        <v>525</v>
      </c>
      <c r="M623" s="66" t="s">
        <v>527</v>
      </c>
      <c r="N623" s="66" t="s">
        <v>528</v>
      </c>
      <c r="O623" s="66" t="s">
        <v>529</v>
      </c>
      <c r="P623" s="66" t="s">
        <v>530</v>
      </c>
      <c r="Q623" s="66" t="s">
        <v>531</v>
      </c>
      <c r="R623" s="8"/>
      <c r="S623" s="8"/>
      <c r="T623" s="8"/>
      <c r="U623" s="8"/>
      <c r="V623" s="8"/>
    </row>
    <row r="624" spans="1:22" ht="20.25" customHeight="1" x14ac:dyDescent="0.15">
      <c r="A624" s="232"/>
      <c r="B624" s="1"/>
      <c r="C624" s="62"/>
      <c r="D624" s="3"/>
      <c r="F624" s="3"/>
      <c r="G624" s="3"/>
      <c r="H624" s="206"/>
      <c r="I624" s="67" t="s">
        <v>55</v>
      </c>
      <c r="J624" s="68"/>
      <c r="K624" s="186"/>
      <c r="L624" s="70" t="s">
        <v>526</v>
      </c>
      <c r="M624" s="70" t="s">
        <v>526</v>
      </c>
      <c r="N624" s="70" t="s">
        <v>526</v>
      </c>
      <c r="O624" s="70" t="s">
        <v>526</v>
      </c>
      <c r="P624" s="70" t="s">
        <v>526</v>
      </c>
      <c r="Q624" s="70" t="s">
        <v>526</v>
      </c>
      <c r="R624" s="8"/>
      <c r="S624" s="8"/>
      <c r="T624" s="8"/>
      <c r="U624" s="8"/>
      <c r="V624" s="8"/>
    </row>
    <row r="625" spans="1:17" s="118" customFormat="1" ht="42.75" x14ac:dyDescent="0.15">
      <c r="A625" s="232"/>
      <c r="B625" s="115"/>
      <c r="C625" s="343" t="s">
        <v>449</v>
      </c>
      <c r="D625" s="344"/>
      <c r="E625" s="344"/>
      <c r="F625" s="344"/>
      <c r="G625" s="344"/>
      <c r="H625" s="345"/>
      <c r="I625" s="122" t="s">
        <v>450</v>
      </c>
      <c r="J625" s="116">
        <v>92</v>
      </c>
      <c r="K625" s="201" t="s">
        <v>543</v>
      </c>
      <c r="L625" s="117">
        <v>25</v>
      </c>
      <c r="M625" s="117">
        <v>32</v>
      </c>
      <c r="N625" s="117">
        <v>35</v>
      </c>
      <c r="O625" s="117" t="s">
        <v>541</v>
      </c>
      <c r="P625" s="117" t="s">
        <v>541</v>
      </c>
      <c r="Q625" s="117" t="s">
        <v>541</v>
      </c>
    </row>
    <row r="626" spans="1:17" s="118" customFormat="1" ht="71.25" x14ac:dyDescent="0.15">
      <c r="A626" s="232"/>
      <c r="B626" s="84"/>
      <c r="C626" s="188"/>
      <c r="D626" s="221"/>
      <c r="E626" s="324" t="s">
        <v>451</v>
      </c>
      <c r="F626" s="325"/>
      <c r="G626" s="325"/>
      <c r="H626" s="326"/>
      <c r="I626" s="122" t="s">
        <v>452</v>
      </c>
      <c r="J626" s="116">
        <v>0</v>
      </c>
      <c r="K626" s="201" t="s">
        <v>542</v>
      </c>
      <c r="L626" s="117">
        <v>0</v>
      </c>
      <c r="M626" s="117">
        <v>0</v>
      </c>
      <c r="N626" s="117">
        <v>0</v>
      </c>
      <c r="O626" s="117">
        <v>0</v>
      </c>
      <c r="P626" s="117">
        <v>0</v>
      </c>
      <c r="Q626" s="117">
        <v>0</v>
      </c>
    </row>
    <row r="627" spans="1:17" s="118" customFormat="1" ht="71.25" x14ac:dyDescent="0.15">
      <c r="A627" s="232"/>
      <c r="B627" s="84"/>
      <c r="C627" s="188"/>
      <c r="D627" s="221"/>
      <c r="E627" s="324" t="s">
        <v>453</v>
      </c>
      <c r="F627" s="325"/>
      <c r="G627" s="325"/>
      <c r="H627" s="326"/>
      <c r="I627" s="122" t="s">
        <v>454</v>
      </c>
      <c r="J627" s="116">
        <v>0</v>
      </c>
      <c r="K627" s="201" t="s">
        <v>542</v>
      </c>
      <c r="L627" s="117">
        <v>0</v>
      </c>
      <c r="M627" s="117">
        <v>0</v>
      </c>
      <c r="N627" s="117">
        <v>0</v>
      </c>
      <c r="O627" s="117">
        <v>0</v>
      </c>
      <c r="P627" s="117">
        <v>0</v>
      </c>
      <c r="Q627" s="117">
        <v>0</v>
      </c>
    </row>
    <row r="628" spans="1:17" s="118" customFormat="1" ht="57" x14ac:dyDescent="0.15">
      <c r="A628" s="232"/>
      <c r="B628" s="84"/>
      <c r="C628" s="99"/>
      <c r="D628" s="100"/>
      <c r="E628" s="324" t="s">
        <v>455</v>
      </c>
      <c r="F628" s="325"/>
      <c r="G628" s="325"/>
      <c r="H628" s="326"/>
      <c r="I628" s="122" t="s">
        <v>456</v>
      </c>
      <c r="J628" s="116">
        <v>0</v>
      </c>
      <c r="K628" s="201" t="s">
        <v>542</v>
      </c>
      <c r="L628" s="117">
        <v>0</v>
      </c>
      <c r="M628" s="117">
        <v>0</v>
      </c>
      <c r="N628" s="117">
        <v>0</v>
      </c>
      <c r="O628" s="117">
        <v>0</v>
      </c>
      <c r="P628" s="117">
        <v>0</v>
      </c>
      <c r="Q628" s="117">
        <v>0</v>
      </c>
    </row>
    <row r="629" spans="1:17" s="118" customFormat="1" ht="71.25" x14ac:dyDescent="0.15">
      <c r="A629" s="232"/>
      <c r="B629" s="84"/>
      <c r="C629" s="99"/>
      <c r="D629" s="100"/>
      <c r="E629" s="324" t="s">
        <v>457</v>
      </c>
      <c r="F629" s="325"/>
      <c r="G629" s="325"/>
      <c r="H629" s="326"/>
      <c r="I629" s="122" t="s">
        <v>458</v>
      </c>
      <c r="J629" s="116">
        <v>0</v>
      </c>
      <c r="K629" s="201" t="s">
        <v>542</v>
      </c>
      <c r="L629" s="117">
        <v>0</v>
      </c>
      <c r="M629" s="117">
        <v>0</v>
      </c>
      <c r="N629" s="117">
        <v>0</v>
      </c>
      <c r="O629" s="117">
        <v>0</v>
      </c>
      <c r="P629" s="117">
        <v>0</v>
      </c>
      <c r="Q629" s="117">
        <v>0</v>
      </c>
    </row>
    <row r="630" spans="1:17" s="118" customFormat="1" ht="57" x14ac:dyDescent="0.15">
      <c r="A630" s="232"/>
      <c r="B630" s="84"/>
      <c r="C630" s="188"/>
      <c r="D630" s="221"/>
      <c r="E630" s="324" t="s">
        <v>459</v>
      </c>
      <c r="F630" s="325"/>
      <c r="G630" s="325"/>
      <c r="H630" s="326"/>
      <c r="I630" s="122" t="s">
        <v>460</v>
      </c>
      <c r="J630" s="116">
        <v>83</v>
      </c>
      <c r="K630" s="201" t="s">
        <v>542</v>
      </c>
      <c r="L630" s="117">
        <v>23</v>
      </c>
      <c r="M630" s="117">
        <v>26</v>
      </c>
      <c r="N630" s="117">
        <v>34</v>
      </c>
      <c r="O630" s="117">
        <v>0</v>
      </c>
      <c r="P630" s="117">
        <v>0</v>
      </c>
      <c r="Q630" s="117">
        <v>0</v>
      </c>
    </row>
    <row r="631" spans="1:17" s="118" customFormat="1" ht="57" x14ac:dyDescent="0.15">
      <c r="A631" s="232"/>
      <c r="B631" s="84"/>
      <c r="C631" s="188"/>
      <c r="D631" s="221"/>
      <c r="E631" s="324" t="s">
        <v>461</v>
      </c>
      <c r="F631" s="325"/>
      <c r="G631" s="325"/>
      <c r="H631" s="326"/>
      <c r="I631" s="122" t="s">
        <v>462</v>
      </c>
      <c r="J631" s="116" t="s">
        <v>540</v>
      </c>
      <c r="K631" s="201" t="s">
        <v>543</v>
      </c>
      <c r="L631" s="117" t="s">
        <v>541</v>
      </c>
      <c r="M631" s="117" t="s">
        <v>541</v>
      </c>
      <c r="N631" s="117" t="s">
        <v>541</v>
      </c>
      <c r="O631" s="117" t="s">
        <v>541</v>
      </c>
      <c r="P631" s="117" t="s">
        <v>541</v>
      </c>
      <c r="Q631" s="117" t="s">
        <v>541</v>
      </c>
    </row>
    <row r="632" spans="1:17" s="118" customFormat="1" ht="57" x14ac:dyDescent="0.15">
      <c r="A632" s="232"/>
      <c r="B632" s="84"/>
      <c r="C632" s="188"/>
      <c r="D632" s="221"/>
      <c r="E632" s="324" t="s">
        <v>463</v>
      </c>
      <c r="F632" s="325"/>
      <c r="G632" s="325"/>
      <c r="H632" s="326"/>
      <c r="I632" s="122" t="s">
        <v>464</v>
      </c>
      <c r="J632" s="116">
        <v>0</v>
      </c>
      <c r="K632" s="201" t="s">
        <v>542</v>
      </c>
      <c r="L632" s="117">
        <v>0</v>
      </c>
      <c r="M632" s="117">
        <v>0</v>
      </c>
      <c r="N632" s="117">
        <v>0</v>
      </c>
      <c r="O632" s="117">
        <v>0</v>
      </c>
      <c r="P632" s="117">
        <v>0</v>
      </c>
      <c r="Q632" s="117">
        <v>0</v>
      </c>
    </row>
    <row r="633" spans="1:17" s="118" customFormat="1" ht="57" x14ac:dyDescent="0.15">
      <c r="A633" s="232"/>
      <c r="B633" s="84"/>
      <c r="C633" s="190"/>
      <c r="D633" s="222"/>
      <c r="E633" s="324" t="s">
        <v>465</v>
      </c>
      <c r="F633" s="325"/>
      <c r="G633" s="325"/>
      <c r="H633" s="326"/>
      <c r="I633" s="122" t="s">
        <v>466</v>
      </c>
      <c r="J633" s="116">
        <v>0</v>
      </c>
      <c r="K633" s="201" t="s">
        <v>542</v>
      </c>
      <c r="L633" s="117">
        <v>0</v>
      </c>
      <c r="M633" s="117">
        <v>0</v>
      </c>
      <c r="N633" s="117">
        <v>0</v>
      </c>
      <c r="O633" s="117">
        <v>0</v>
      </c>
      <c r="P633" s="117">
        <v>0</v>
      </c>
      <c r="Q633" s="117">
        <v>0</v>
      </c>
    </row>
    <row r="634" spans="1:17" s="118" customFormat="1" ht="57" x14ac:dyDescent="0.15">
      <c r="A634" s="232"/>
      <c r="B634" s="84"/>
      <c r="C634" s="324" t="s">
        <v>467</v>
      </c>
      <c r="D634" s="325"/>
      <c r="E634" s="325"/>
      <c r="F634" s="325"/>
      <c r="G634" s="325"/>
      <c r="H634" s="326"/>
      <c r="I634" s="122" t="s">
        <v>468</v>
      </c>
      <c r="J634" s="116">
        <v>0</v>
      </c>
      <c r="K634" s="201" t="s">
        <v>542</v>
      </c>
      <c r="L634" s="117">
        <v>0</v>
      </c>
      <c r="M634" s="117">
        <v>0</v>
      </c>
      <c r="N634" s="117">
        <v>0</v>
      </c>
      <c r="O634" s="117">
        <v>0</v>
      </c>
      <c r="P634" s="117">
        <v>0</v>
      </c>
      <c r="Q634" s="117">
        <v>0</v>
      </c>
    </row>
    <row r="635" spans="1:17" s="118" customFormat="1" ht="57" x14ac:dyDescent="0.15">
      <c r="A635" s="232"/>
      <c r="B635" s="84"/>
      <c r="C635" s="324" t="s">
        <v>469</v>
      </c>
      <c r="D635" s="325"/>
      <c r="E635" s="325"/>
      <c r="F635" s="325"/>
      <c r="G635" s="325"/>
      <c r="H635" s="326"/>
      <c r="I635" s="122" t="s">
        <v>470</v>
      </c>
      <c r="J635" s="116">
        <v>0</v>
      </c>
      <c r="K635" s="201" t="s">
        <v>542</v>
      </c>
      <c r="L635" s="117">
        <v>0</v>
      </c>
      <c r="M635" s="117">
        <v>0</v>
      </c>
      <c r="N635" s="117">
        <v>0</v>
      </c>
      <c r="O635" s="117">
        <v>0</v>
      </c>
      <c r="P635" s="117">
        <v>0</v>
      </c>
      <c r="Q635" s="117">
        <v>0</v>
      </c>
    </row>
    <row r="636" spans="1:17" s="118" customFormat="1" ht="57" x14ac:dyDescent="0.15">
      <c r="A636" s="232"/>
      <c r="B636" s="84"/>
      <c r="C636" s="324" t="s">
        <v>471</v>
      </c>
      <c r="D636" s="325"/>
      <c r="E636" s="325"/>
      <c r="F636" s="325"/>
      <c r="G636" s="325"/>
      <c r="H636" s="326"/>
      <c r="I636" s="122" t="s">
        <v>472</v>
      </c>
      <c r="J636" s="116">
        <v>0</v>
      </c>
      <c r="K636" s="201" t="s">
        <v>542</v>
      </c>
      <c r="L636" s="117">
        <v>0</v>
      </c>
      <c r="M636" s="117">
        <v>0</v>
      </c>
      <c r="N636" s="117">
        <v>0</v>
      </c>
      <c r="O636" s="117">
        <v>0</v>
      </c>
      <c r="P636" s="117">
        <v>0</v>
      </c>
      <c r="Q636" s="117">
        <v>0</v>
      </c>
    </row>
    <row r="637" spans="1:17" s="118" customFormat="1" ht="57" x14ac:dyDescent="0.15">
      <c r="A637" s="232"/>
      <c r="B637" s="84"/>
      <c r="C637" s="324" t="s">
        <v>473</v>
      </c>
      <c r="D637" s="325"/>
      <c r="E637" s="325"/>
      <c r="F637" s="325"/>
      <c r="G637" s="325"/>
      <c r="H637" s="326"/>
      <c r="I637" s="122" t="s">
        <v>474</v>
      </c>
      <c r="J637" s="116">
        <v>0</v>
      </c>
      <c r="K637" s="201" t="s">
        <v>542</v>
      </c>
      <c r="L637" s="117">
        <v>0</v>
      </c>
      <c r="M637" s="117">
        <v>0</v>
      </c>
      <c r="N637" s="117">
        <v>0</v>
      </c>
      <c r="O637" s="117">
        <v>0</v>
      </c>
      <c r="P637" s="117">
        <v>0</v>
      </c>
      <c r="Q637" s="117">
        <v>0</v>
      </c>
    </row>
    <row r="638" spans="1:17" s="118" customFormat="1" ht="57" x14ac:dyDescent="0.15">
      <c r="A638" s="232"/>
      <c r="B638" s="84"/>
      <c r="C638" s="324" t="s">
        <v>475</v>
      </c>
      <c r="D638" s="325"/>
      <c r="E638" s="325"/>
      <c r="F638" s="325"/>
      <c r="G638" s="325"/>
      <c r="H638" s="326"/>
      <c r="I638" s="122" t="s">
        <v>476</v>
      </c>
      <c r="J638" s="116">
        <v>0</v>
      </c>
      <c r="K638" s="201" t="s">
        <v>542</v>
      </c>
      <c r="L638" s="117">
        <v>0</v>
      </c>
      <c r="M638" s="117">
        <v>0</v>
      </c>
      <c r="N638" s="117">
        <v>0</v>
      </c>
      <c r="O638" s="117">
        <v>0</v>
      </c>
      <c r="P638" s="117">
        <v>0</v>
      </c>
      <c r="Q638" s="117">
        <v>0</v>
      </c>
    </row>
    <row r="639" spans="1:17" s="118" customFormat="1" ht="71.25" x14ac:dyDescent="0.15">
      <c r="A639" s="232"/>
      <c r="B639" s="84"/>
      <c r="C639" s="324" t="s">
        <v>477</v>
      </c>
      <c r="D639" s="325"/>
      <c r="E639" s="325"/>
      <c r="F639" s="325"/>
      <c r="G639" s="325"/>
      <c r="H639" s="326"/>
      <c r="I639" s="122" t="s">
        <v>478</v>
      </c>
      <c r="J639" s="116">
        <v>0</v>
      </c>
      <c r="K639" s="201" t="s">
        <v>542</v>
      </c>
      <c r="L639" s="117">
        <v>0</v>
      </c>
      <c r="M639" s="117">
        <v>0</v>
      </c>
      <c r="N639" s="117">
        <v>0</v>
      </c>
      <c r="O639" s="117">
        <v>0</v>
      </c>
      <c r="P639" s="117">
        <v>0</v>
      </c>
      <c r="Q639" s="117">
        <v>0</v>
      </c>
    </row>
    <row r="640" spans="1:17" s="91" customFormat="1" x14ac:dyDescent="0.15">
      <c r="A640" s="232"/>
      <c r="B640" s="18"/>
      <c r="C640" s="18"/>
      <c r="D640" s="18"/>
      <c r="E640" s="18"/>
      <c r="F640" s="18"/>
      <c r="G640" s="18"/>
      <c r="H640" s="14"/>
      <c r="I640" s="14"/>
      <c r="J640" s="88"/>
      <c r="K640" s="89"/>
      <c r="L640" s="90"/>
      <c r="M640" s="90"/>
      <c r="N640" s="90"/>
      <c r="O640" s="90"/>
      <c r="P640" s="90"/>
      <c r="Q640" s="90"/>
    </row>
    <row r="641" spans="1:22" s="83" customFormat="1" x14ac:dyDescent="0.15">
      <c r="A641" s="232"/>
      <c r="B641" s="84"/>
      <c r="C641" s="62"/>
      <c r="D641" s="62"/>
      <c r="E641" s="62"/>
      <c r="F641" s="62"/>
      <c r="G641" s="62"/>
      <c r="H641" s="92"/>
      <c r="I641" s="92"/>
      <c r="J641" s="88"/>
      <c r="K641" s="89"/>
      <c r="L641" s="90"/>
      <c r="M641" s="90"/>
      <c r="N641" s="90"/>
      <c r="O641" s="90"/>
      <c r="P641" s="90"/>
      <c r="Q641" s="90"/>
    </row>
    <row r="642" spans="1:22" s="115" customFormat="1" x14ac:dyDescent="0.15">
      <c r="A642" s="232"/>
      <c r="B642" s="119"/>
      <c r="C642" s="3"/>
      <c r="D642" s="3"/>
      <c r="E642" s="3"/>
      <c r="F642" s="3"/>
      <c r="G642" s="3"/>
      <c r="H642" s="206"/>
      <c r="I642" s="206"/>
      <c r="J642" s="61"/>
      <c r="K642" s="31"/>
      <c r="L642" s="108"/>
      <c r="M642" s="108"/>
      <c r="N642" s="108"/>
      <c r="O642" s="108"/>
      <c r="P642" s="108"/>
      <c r="Q642" s="108"/>
    </row>
    <row r="643" spans="1:22" x14ac:dyDescent="0.15">
      <c r="A643" s="232"/>
      <c r="B643" s="18"/>
      <c r="C643" s="18"/>
      <c r="D643" s="18"/>
      <c r="E643" s="18"/>
      <c r="F643" s="18"/>
      <c r="G643" s="18"/>
      <c r="H643" s="14"/>
      <c r="I643" s="14"/>
      <c r="L643" s="76"/>
      <c r="M643" s="76"/>
      <c r="N643" s="76"/>
      <c r="O643" s="76"/>
      <c r="P643" s="76"/>
      <c r="Q643" s="76"/>
      <c r="R643" s="8"/>
      <c r="S643" s="8"/>
      <c r="T643" s="8"/>
      <c r="U643" s="8"/>
      <c r="V643" s="8"/>
    </row>
    <row r="644" spans="1:22" ht="34.5" customHeight="1" x14ac:dyDescent="0.15">
      <c r="A644" s="232"/>
      <c r="B644" s="18"/>
      <c r="C644" s="3"/>
      <c r="D644" s="3"/>
      <c r="F644" s="3"/>
      <c r="G644" s="3"/>
      <c r="H644" s="206"/>
      <c r="I644" s="206"/>
      <c r="J644" s="77" t="s">
        <v>35</v>
      </c>
      <c r="K644" s="185"/>
      <c r="L644" s="66" t="s">
        <v>525</v>
      </c>
      <c r="M644" s="66" t="s">
        <v>527</v>
      </c>
      <c r="N644" s="66" t="s">
        <v>528</v>
      </c>
      <c r="O644" s="66" t="s">
        <v>529</v>
      </c>
      <c r="P644" s="66" t="s">
        <v>530</v>
      </c>
      <c r="Q644" s="66" t="s">
        <v>531</v>
      </c>
      <c r="R644" s="8"/>
      <c r="S644" s="8"/>
      <c r="T644" s="8"/>
      <c r="U644" s="8"/>
      <c r="V644" s="8"/>
    </row>
    <row r="645" spans="1:22" ht="20.25" customHeight="1" x14ac:dyDescent="0.15">
      <c r="A645" s="232"/>
      <c r="B645" s="1"/>
      <c r="C645" s="62"/>
      <c r="D645" s="3"/>
      <c r="F645" s="3"/>
      <c r="G645" s="3"/>
      <c r="H645" s="206"/>
      <c r="I645" s="67" t="s">
        <v>55</v>
      </c>
      <c r="J645" s="68"/>
      <c r="K645" s="186"/>
      <c r="L645" s="70" t="s">
        <v>526</v>
      </c>
      <c r="M645" s="70" t="s">
        <v>526</v>
      </c>
      <c r="N645" s="70" t="s">
        <v>526</v>
      </c>
      <c r="O645" s="70" t="s">
        <v>526</v>
      </c>
      <c r="P645" s="70" t="s">
        <v>526</v>
      </c>
      <c r="Q645" s="70" t="s">
        <v>526</v>
      </c>
      <c r="R645" s="8"/>
      <c r="S645" s="8"/>
      <c r="T645" s="8"/>
      <c r="U645" s="8"/>
      <c r="V645" s="8"/>
    </row>
    <row r="646" spans="1:22" s="83" customFormat="1" ht="57" x14ac:dyDescent="0.15">
      <c r="A646" s="232"/>
      <c r="B646" s="84"/>
      <c r="C646" s="327" t="s">
        <v>479</v>
      </c>
      <c r="D646" s="328"/>
      <c r="E646" s="328"/>
      <c r="F646" s="328"/>
      <c r="G646" s="328"/>
      <c r="H646" s="329"/>
      <c r="I646" s="138" t="s">
        <v>480</v>
      </c>
      <c r="J646" s="223"/>
      <c r="K646" s="224"/>
      <c r="L646" s="225" t="s">
        <v>539</v>
      </c>
      <c r="M646" s="225" t="s">
        <v>533</v>
      </c>
      <c r="N646" s="225" t="s">
        <v>533</v>
      </c>
      <c r="O646" s="225" t="s">
        <v>533</v>
      </c>
      <c r="P646" s="225" t="s">
        <v>533</v>
      </c>
      <c r="Q646" s="225" t="s">
        <v>533</v>
      </c>
    </row>
    <row r="647" spans="1:22" s="83" customFormat="1" ht="57" x14ac:dyDescent="0.15">
      <c r="A647" s="232"/>
      <c r="B647" s="84"/>
      <c r="C647" s="327" t="s">
        <v>481</v>
      </c>
      <c r="D647" s="328"/>
      <c r="E647" s="328"/>
      <c r="F647" s="328"/>
      <c r="G647" s="328"/>
      <c r="H647" s="329"/>
      <c r="I647" s="138" t="s">
        <v>482</v>
      </c>
      <c r="J647" s="223"/>
      <c r="K647" s="224"/>
      <c r="L647" s="211" t="s">
        <v>533</v>
      </c>
      <c r="M647" s="211" t="s">
        <v>533</v>
      </c>
      <c r="N647" s="211" t="s">
        <v>533</v>
      </c>
      <c r="O647" s="211" t="s">
        <v>533</v>
      </c>
      <c r="P647" s="211" t="s">
        <v>533</v>
      </c>
      <c r="Q647" s="211" t="s">
        <v>533</v>
      </c>
    </row>
    <row r="648" spans="1:22" s="83" customFormat="1" ht="57" x14ac:dyDescent="0.15">
      <c r="A648" s="232"/>
      <c r="B648" s="84"/>
      <c r="C648" s="327" t="s">
        <v>483</v>
      </c>
      <c r="D648" s="328"/>
      <c r="E648" s="328"/>
      <c r="F648" s="328"/>
      <c r="G648" s="328"/>
      <c r="H648" s="329"/>
      <c r="I648" s="138" t="s">
        <v>484</v>
      </c>
      <c r="J648" s="223"/>
      <c r="K648" s="224"/>
      <c r="L648" s="226" t="s">
        <v>533</v>
      </c>
      <c r="M648" s="226" t="s">
        <v>533</v>
      </c>
      <c r="N648" s="226" t="s">
        <v>533</v>
      </c>
      <c r="O648" s="226" t="s">
        <v>533</v>
      </c>
      <c r="P648" s="226" t="s">
        <v>533</v>
      </c>
      <c r="Q648" s="226" t="s">
        <v>533</v>
      </c>
    </row>
    <row r="649" spans="1:22" s="83" customFormat="1" ht="35.1" customHeight="1" x14ac:dyDescent="0.15">
      <c r="A649" s="232"/>
      <c r="B649" s="84"/>
      <c r="C649" s="332" t="s">
        <v>485</v>
      </c>
      <c r="D649" s="333"/>
      <c r="E649" s="333"/>
      <c r="F649" s="333"/>
      <c r="G649" s="333"/>
      <c r="H649" s="334"/>
      <c r="I649" s="335" t="s">
        <v>486</v>
      </c>
      <c r="J649" s="223"/>
      <c r="K649" s="224"/>
      <c r="L649" s="147" t="s">
        <v>533</v>
      </c>
      <c r="M649" s="147" t="s">
        <v>533</v>
      </c>
      <c r="N649" s="147" t="s">
        <v>533</v>
      </c>
      <c r="O649" s="147" t="s">
        <v>533</v>
      </c>
      <c r="P649" s="147" t="s">
        <v>533</v>
      </c>
      <c r="Q649" s="147" t="s">
        <v>533</v>
      </c>
    </row>
    <row r="650" spans="1:22" s="83" customFormat="1" ht="35.1" customHeight="1" x14ac:dyDescent="0.15">
      <c r="A650" s="232"/>
      <c r="B650" s="84"/>
      <c r="C650" s="227"/>
      <c r="D650" s="228"/>
      <c r="E650" s="332" t="s">
        <v>487</v>
      </c>
      <c r="F650" s="333"/>
      <c r="G650" s="333"/>
      <c r="H650" s="334"/>
      <c r="I650" s="336"/>
      <c r="J650" s="223"/>
      <c r="K650" s="224"/>
      <c r="L650" s="147" t="s">
        <v>533</v>
      </c>
      <c r="M650" s="147" t="s">
        <v>533</v>
      </c>
      <c r="N650" s="147" t="s">
        <v>533</v>
      </c>
      <c r="O650" s="147" t="s">
        <v>533</v>
      </c>
      <c r="P650" s="147" t="s">
        <v>533</v>
      </c>
      <c r="Q650" s="147" t="s">
        <v>533</v>
      </c>
    </row>
    <row r="651" spans="1:22" s="83" customFormat="1" ht="57" customHeight="1" x14ac:dyDescent="0.15">
      <c r="A651" s="232"/>
      <c r="B651" s="84"/>
      <c r="C651" s="229"/>
      <c r="D651" s="230"/>
      <c r="E651" s="338"/>
      <c r="F651" s="339"/>
      <c r="G651" s="340" t="s">
        <v>545</v>
      </c>
      <c r="H651" s="341"/>
      <c r="I651" s="337"/>
      <c r="J651" s="223"/>
      <c r="K651" s="224"/>
      <c r="L651" s="147" t="s">
        <v>533</v>
      </c>
      <c r="M651" s="147" t="s">
        <v>533</v>
      </c>
      <c r="N651" s="147" t="s">
        <v>533</v>
      </c>
      <c r="O651" s="147" t="s">
        <v>533</v>
      </c>
      <c r="P651" s="147" t="s">
        <v>533</v>
      </c>
      <c r="Q651" s="147" t="s">
        <v>533</v>
      </c>
    </row>
    <row r="652" spans="1:22" s="115" customFormat="1" ht="35.1" customHeight="1" x14ac:dyDescent="0.15">
      <c r="A652" s="232"/>
      <c r="B652" s="84"/>
      <c r="C652" s="343" t="s">
        <v>488</v>
      </c>
      <c r="D652" s="344"/>
      <c r="E652" s="344"/>
      <c r="F652" s="344"/>
      <c r="G652" s="344"/>
      <c r="H652" s="345"/>
      <c r="I652" s="349" t="s">
        <v>489</v>
      </c>
      <c r="J652" s="223"/>
      <c r="K652" s="224"/>
      <c r="L652" s="147" t="s">
        <v>533</v>
      </c>
      <c r="M652" s="147" t="s">
        <v>533</v>
      </c>
      <c r="N652" s="147" t="s">
        <v>533</v>
      </c>
      <c r="O652" s="147" t="s">
        <v>533</v>
      </c>
      <c r="P652" s="147" t="s">
        <v>533</v>
      </c>
      <c r="Q652" s="147" t="s">
        <v>533</v>
      </c>
    </row>
    <row r="653" spans="1:22" s="115" customFormat="1" ht="34.5" customHeight="1" x14ac:dyDescent="0.15">
      <c r="A653" s="232"/>
      <c r="B653" s="84"/>
      <c r="C653" s="103"/>
      <c r="D653" s="217"/>
      <c r="E653" s="324" t="s">
        <v>490</v>
      </c>
      <c r="F653" s="325"/>
      <c r="G653" s="325"/>
      <c r="H653" s="326"/>
      <c r="I653" s="445"/>
      <c r="J653" s="223"/>
      <c r="K653" s="224"/>
      <c r="L653" s="147" t="s">
        <v>533</v>
      </c>
      <c r="M653" s="147" t="s">
        <v>533</v>
      </c>
      <c r="N653" s="147" t="s">
        <v>533</v>
      </c>
      <c r="O653" s="147" t="s">
        <v>533</v>
      </c>
      <c r="P653" s="147" t="s">
        <v>533</v>
      </c>
      <c r="Q653" s="147" t="s">
        <v>533</v>
      </c>
    </row>
    <row r="654" spans="1:22" s="83" customFormat="1" ht="57" x14ac:dyDescent="0.15">
      <c r="A654" s="232"/>
      <c r="B654" s="84"/>
      <c r="C654" s="327" t="s">
        <v>491</v>
      </c>
      <c r="D654" s="328"/>
      <c r="E654" s="328"/>
      <c r="F654" s="328"/>
      <c r="G654" s="328"/>
      <c r="H654" s="329"/>
      <c r="I654" s="138" t="s">
        <v>492</v>
      </c>
      <c r="J654" s="223"/>
      <c r="K654" s="224"/>
      <c r="L654" s="231" t="s">
        <v>533</v>
      </c>
      <c r="M654" s="231" t="s">
        <v>533</v>
      </c>
      <c r="N654" s="231" t="s">
        <v>533</v>
      </c>
      <c r="O654" s="231" t="s">
        <v>533</v>
      </c>
      <c r="P654" s="231" t="s">
        <v>533</v>
      </c>
      <c r="Q654" s="231" t="s">
        <v>533</v>
      </c>
    </row>
    <row r="655" spans="1:22" s="91" customFormat="1" x14ac:dyDescent="0.15">
      <c r="A655" s="232"/>
      <c r="B655" s="18"/>
      <c r="C655" s="62"/>
      <c r="D655" s="62"/>
      <c r="E655" s="18"/>
      <c r="F655" s="18"/>
      <c r="G655" s="18"/>
      <c r="H655" s="14"/>
      <c r="I655" s="14"/>
      <c r="J655" s="88"/>
      <c r="K655" s="89"/>
      <c r="L655" s="90"/>
      <c r="M655" s="90"/>
      <c r="N655" s="90"/>
      <c r="O655" s="90"/>
      <c r="P655" s="90"/>
      <c r="Q655" s="90"/>
    </row>
    <row r="656" spans="1:22" s="83" customFormat="1" x14ac:dyDescent="0.15">
      <c r="A656" s="232"/>
      <c r="B656" s="84"/>
      <c r="C656" s="62"/>
      <c r="D656" s="62"/>
      <c r="E656" s="62"/>
      <c r="F656" s="62"/>
      <c r="G656" s="62"/>
      <c r="H656" s="92"/>
      <c r="I656" s="92"/>
      <c r="J656" s="88"/>
      <c r="K656" s="89"/>
      <c r="L656" s="90"/>
      <c r="M656" s="90"/>
      <c r="N656" s="90"/>
      <c r="O656" s="90"/>
      <c r="P656" s="90"/>
      <c r="Q656" s="90"/>
    </row>
    <row r="657" spans="1:22" s="91" customFormat="1" x14ac:dyDescent="0.15">
      <c r="A657" s="232"/>
      <c r="B657" s="84"/>
      <c r="C657" s="3"/>
      <c r="D657" s="3"/>
      <c r="E657" s="3"/>
      <c r="F657" s="3"/>
      <c r="G657" s="3"/>
      <c r="H657" s="206"/>
      <c r="I657" s="206"/>
      <c r="J657" s="61"/>
      <c r="K657" s="31"/>
      <c r="L657" s="108"/>
      <c r="M657" s="108"/>
      <c r="N657" s="108"/>
      <c r="O657" s="108"/>
      <c r="P657" s="108"/>
      <c r="Q657" s="108"/>
    </row>
    <row r="658" spans="1:22" s="91" customFormat="1" x14ac:dyDescent="0.15">
      <c r="A658" s="232"/>
      <c r="B658" s="18" t="s">
        <v>493</v>
      </c>
      <c r="C658" s="3"/>
      <c r="D658" s="3"/>
      <c r="E658" s="3"/>
      <c r="F658" s="3"/>
      <c r="G658" s="3"/>
      <c r="H658" s="206"/>
      <c r="I658" s="206"/>
      <c r="J658" s="61"/>
      <c r="K658" s="31"/>
      <c r="L658" s="108"/>
      <c r="M658" s="108"/>
      <c r="N658" s="108"/>
      <c r="O658" s="108"/>
      <c r="P658" s="108"/>
      <c r="Q658" s="108"/>
    </row>
    <row r="659" spans="1:22" x14ac:dyDescent="0.15">
      <c r="A659" s="232"/>
      <c r="B659" s="18"/>
      <c r="C659" s="18"/>
      <c r="D659" s="18"/>
      <c r="E659" s="18"/>
      <c r="F659" s="18"/>
      <c r="G659" s="18"/>
      <c r="H659" s="14"/>
      <c r="I659" s="14"/>
      <c r="L659" s="76"/>
      <c r="M659" s="76"/>
      <c r="N659" s="76"/>
      <c r="O659" s="76"/>
      <c r="P659" s="76"/>
      <c r="Q659" s="76"/>
      <c r="R659" s="8"/>
      <c r="S659" s="8"/>
      <c r="T659" s="8"/>
      <c r="U659" s="8"/>
      <c r="V659" s="8"/>
    </row>
    <row r="660" spans="1:22" ht="34.5" customHeight="1" x14ac:dyDescent="0.15">
      <c r="A660" s="232"/>
      <c r="B660" s="18"/>
      <c r="C660" s="3"/>
      <c r="D660" s="3"/>
      <c r="F660" s="3"/>
      <c r="G660" s="3"/>
      <c r="H660" s="206"/>
      <c r="I660" s="206"/>
      <c r="J660" s="77" t="s">
        <v>35</v>
      </c>
      <c r="K660" s="185"/>
      <c r="L660" s="66" t="s">
        <v>525</v>
      </c>
      <c r="M660" s="66" t="s">
        <v>527</v>
      </c>
      <c r="N660" s="66" t="s">
        <v>528</v>
      </c>
      <c r="O660" s="66" t="s">
        <v>529</v>
      </c>
      <c r="P660" s="66" t="s">
        <v>530</v>
      </c>
      <c r="Q660" s="66" t="s">
        <v>531</v>
      </c>
      <c r="R660" s="8"/>
      <c r="S660" s="8"/>
      <c r="T660" s="8"/>
      <c r="U660" s="8"/>
      <c r="V660" s="8"/>
    </row>
    <row r="661" spans="1:22" ht="20.25" customHeight="1" x14ac:dyDescent="0.15">
      <c r="A661" s="232"/>
      <c r="B661" s="1"/>
      <c r="C661" s="62"/>
      <c r="D661" s="3"/>
      <c r="F661" s="3"/>
      <c r="G661" s="3"/>
      <c r="H661" s="206"/>
      <c r="I661" s="67" t="s">
        <v>125</v>
      </c>
      <c r="J661" s="68"/>
      <c r="K661" s="186"/>
      <c r="L661" s="70" t="s">
        <v>526</v>
      </c>
      <c r="M661" s="70" t="s">
        <v>526</v>
      </c>
      <c r="N661" s="70" t="s">
        <v>526</v>
      </c>
      <c r="O661" s="70" t="s">
        <v>526</v>
      </c>
      <c r="P661" s="70" t="s">
        <v>526</v>
      </c>
      <c r="Q661" s="70" t="s">
        <v>526</v>
      </c>
      <c r="R661" s="8"/>
      <c r="S661" s="8"/>
      <c r="T661" s="8"/>
      <c r="U661" s="8"/>
      <c r="V661" s="8"/>
    </row>
    <row r="662" spans="1:22" s="83" customFormat="1" ht="57" x14ac:dyDescent="0.15">
      <c r="A662" s="232"/>
      <c r="B662" s="1"/>
      <c r="C662" s="324" t="s">
        <v>494</v>
      </c>
      <c r="D662" s="325"/>
      <c r="E662" s="325"/>
      <c r="F662" s="325"/>
      <c r="G662" s="325"/>
      <c r="H662" s="326"/>
      <c r="I662" s="122" t="s">
        <v>495</v>
      </c>
      <c r="J662" s="205">
        <v>105</v>
      </c>
      <c r="K662" s="201" t="s">
        <v>542</v>
      </c>
      <c r="L662" s="117">
        <v>0</v>
      </c>
      <c r="M662" s="117">
        <v>0</v>
      </c>
      <c r="N662" s="117">
        <v>0</v>
      </c>
      <c r="O662" s="117">
        <v>35</v>
      </c>
      <c r="P662" s="117">
        <v>34</v>
      </c>
      <c r="Q662" s="117">
        <v>36</v>
      </c>
    </row>
    <row r="663" spans="1:22" s="118" customFormat="1" ht="99.75" x14ac:dyDescent="0.15">
      <c r="A663" s="232"/>
      <c r="B663" s="119"/>
      <c r="C663" s="324" t="s">
        <v>496</v>
      </c>
      <c r="D663" s="325"/>
      <c r="E663" s="325"/>
      <c r="F663" s="325"/>
      <c r="G663" s="325"/>
      <c r="H663" s="326"/>
      <c r="I663" s="122" t="s">
        <v>497</v>
      </c>
      <c r="J663" s="205">
        <v>77</v>
      </c>
      <c r="K663" s="201" t="s">
        <v>542</v>
      </c>
      <c r="L663" s="117">
        <v>0</v>
      </c>
      <c r="M663" s="117">
        <v>0</v>
      </c>
      <c r="N663" s="117">
        <v>0</v>
      </c>
      <c r="O663" s="117">
        <v>24</v>
      </c>
      <c r="P663" s="117">
        <v>25</v>
      </c>
      <c r="Q663" s="117">
        <v>28</v>
      </c>
    </row>
    <row r="664" spans="1:22" s="118" customFormat="1" ht="42.75" x14ac:dyDescent="0.15">
      <c r="A664" s="232"/>
      <c r="B664" s="119"/>
      <c r="C664" s="324" t="s">
        <v>498</v>
      </c>
      <c r="D664" s="325"/>
      <c r="E664" s="325"/>
      <c r="F664" s="325"/>
      <c r="G664" s="325"/>
      <c r="H664" s="326"/>
      <c r="I664" s="122" t="s">
        <v>499</v>
      </c>
      <c r="J664" s="205">
        <v>0</v>
      </c>
      <c r="K664" s="201" t="s">
        <v>542</v>
      </c>
      <c r="L664" s="117">
        <v>0</v>
      </c>
      <c r="M664" s="117">
        <v>0</v>
      </c>
      <c r="N664" s="117">
        <v>0</v>
      </c>
      <c r="O664" s="117">
        <v>0</v>
      </c>
      <c r="P664" s="117">
        <v>0</v>
      </c>
      <c r="Q664" s="117">
        <v>0</v>
      </c>
    </row>
    <row r="665" spans="1:22" s="118" customFormat="1" ht="71.25" x14ac:dyDescent="0.15">
      <c r="A665" s="232"/>
      <c r="B665" s="119"/>
      <c r="C665" s="324" t="s">
        <v>500</v>
      </c>
      <c r="D665" s="325"/>
      <c r="E665" s="325"/>
      <c r="F665" s="325"/>
      <c r="G665" s="325"/>
      <c r="H665" s="326"/>
      <c r="I665" s="122" t="s">
        <v>501</v>
      </c>
      <c r="J665" s="205">
        <v>0</v>
      </c>
      <c r="K665" s="201" t="s">
        <v>542</v>
      </c>
      <c r="L665" s="117">
        <v>0</v>
      </c>
      <c r="M665" s="117">
        <v>0</v>
      </c>
      <c r="N665" s="117">
        <v>0</v>
      </c>
      <c r="O665" s="117">
        <v>0</v>
      </c>
      <c r="P665" s="117">
        <v>0</v>
      </c>
      <c r="Q665" s="117">
        <v>0</v>
      </c>
    </row>
    <row r="666" spans="1:22" s="91" customFormat="1" x14ac:dyDescent="0.15">
      <c r="A666" s="232"/>
      <c r="B666" s="18"/>
      <c r="C666" s="18"/>
      <c r="D666" s="18"/>
      <c r="E666" s="18"/>
      <c r="F666" s="18"/>
      <c r="G666" s="18"/>
      <c r="H666" s="14"/>
      <c r="I666" s="14"/>
      <c r="J666" s="88"/>
      <c r="K666" s="89"/>
      <c r="L666" s="90"/>
      <c r="M666" s="90"/>
      <c r="N666" s="90"/>
      <c r="O666" s="90"/>
      <c r="P666" s="90"/>
      <c r="Q666" s="90"/>
    </row>
    <row r="667" spans="1:22" s="83" customFormat="1" x14ac:dyDescent="0.15">
      <c r="A667" s="232"/>
      <c r="B667" s="84"/>
      <c r="C667" s="62"/>
      <c r="D667" s="62"/>
      <c r="E667" s="62"/>
      <c r="F667" s="62"/>
      <c r="G667" s="62"/>
      <c r="H667" s="92"/>
      <c r="I667" s="92"/>
      <c r="J667" s="88"/>
      <c r="K667" s="89"/>
      <c r="L667" s="90"/>
      <c r="M667" s="90"/>
      <c r="N667" s="90"/>
      <c r="O667" s="90"/>
      <c r="P667" s="90"/>
      <c r="Q667" s="90"/>
    </row>
    <row r="668" spans="1:22" s="115" customFormat="1" x14ac:dyDescent="0.15">
      <c r="A668" s="232"/>
      <c r="C668" s="3"/>
      <c r="D668" s="3"/>
      <c r="E668" s="3"/>
      <c r="F668" s="3"/>
      <c r="G668" s="3"/>
      <c r="H668" s="206"/>
      <c r="I668" s="206"/>
      <c r="J668" s="61"/>
      <c r="K668" s="31"/>
      <c r="L668" s="108"/>
      <c r="M668" s="108"/>
      <c r="N668" s="108"/>
      <c r="O668" s="108"/>
      <c r="P668" s="108"/>
      <c r="Q668" s="108"/>
    </row>
    <row r="669" spans="1:22" s="115" customFormat="1" x14ac:dyDescent="0.15">
      <c r="A669" s="232"/>
      <c r="B669" s="18" t="s">
        <v>502</v>
      </c>
      <c r="C669" s="3"/>
      <c r="D669" s="3"/>
      <c r="E669" s="3"/>
      <c r="F669" s="3"/>
      <c r="G669" s="3"/>
      <c r="H669" s="206"/>
      <c r="I669" s="206"/>
      <c r="J669" s="61"/>
      <c r="K669" s="31"/>
      <c r="L669" s="108"/>
      <c r="M669" s="108"/>
      <c r="N669" s="108"/>
      <c r="O669" s="108"/>
      <c r="P669" s="108"/>
      <c r="Q669" s="108"/>
    </row>
    <row r="670" spans="1:22" x14ac:dyDescent="0.15">
      <c r="A670" s="232"/>
      <c r="B670" s="18"/>
      <c r="C670" s="18"/>
      <c r="D670" s="18"/>
      <c r="E670" s="18"/>
      <c r="F670" s="18"/>
      <c r="G670" s="18"/>
      <c r="H670" s="14"/>
      <c r="I670" s="14"/>
      <c r="L670" s="76"/>
      <c r="M670" s="76"/>
      <c r="N670" s="76"/>
      <c r="O670" s="76"/>
      <c r="P670" s="76"/>
      <c r="Q670" s="76"/>
      <c r="R670" s="8"/>
      <c r="S670" s="8"/>
      <c r="T670" s="8"/>
      <c r="U670" s="8"/>
      <c r="V670" s="8"/>
    </row>
    <row r="671" spans="1:22" ht="34.5" customHeight="1" x14ac:dyDescent="0.15">
      <c r="A671" s="232"/>
      <c r="B671" s="18"/>
      <c r="C671" s="3"/>
      <c r="D671" s="3"/>
      <c r="F671" s="3"/>
      <c r="G671" s="3"/>
      <c r="H671" s="206"/>
      <c r="I671" s="206"/>
      <c r="J671" s="77" t="s">
        <v>35</v>
      </c>
      <c r="K671" s="185"/>
      <c r="L671" s="66" t="s">
        <v>525</v>
      </c>
      <c r="M671" s="66" t="s">
        <v>527</v>
      </c>
      <c r="N671" s="66" t="s">
        <v>528</v>
      </c>
      <c r="O671" s="66" t="s">
        <v>529</v>
      </c>
      <c r="P671" s="66" t="s">
        <v>530</v>
      </c>
      <c r="Q671" s="66" t="s">
        <v>531</v>
      </c>
      <c r="R671" s="8"/>
      <c r="S671" s="8"/>
      <c r="T671" s="8"/>
      <c r="U671" s="8"/>
      <c r="V671" s="8"/>
    </row>
    <row r="672" spans="1:22" ht="20.25" customHeight="1" x14ac:dyDescent="0.15">
      <c r="A672" s="232"/>
      <c r="B672" s="1"/>
      <c r="C672" s="62"/>
      <c r="D672" s="3"/>
      <c r="F672" s="3"/>
      <c r="G672" s="3"/>
      <c r="H672" s="206"/>
      <c r="I672" s="67" t="s">
        <v>125</v>
      </c>
      <c r="J672" s="68"/>
      <c r="K672" s="186"/>
      <c r="L672" s="70" t="s">
        <v>526</v>
      </c>
      <c r="M672" s="70" t="s">
        <v>526</v>
      </c>
      <c r="N672" s="70" t="s">
        <v>526</v>
      </c>
      <c r="O672" s="70" t="s">
        <v>526</v>
      </c>
      <c r="P672" s="70" t="s">
        <v>526</v>
      </c>
      <c r="Q672" s="70" t="s">
        <v>526</v>
      </c>
      <c r="R672" s="8"/>
      <c r="S672" s="8"/>
      <c r="T672" s="8"/>
      <c r="U672" s="8"/>
      <c r="V672" s="8"/>
    </row>
    <row r="673" spans="1:22" s="118" customFormat="1" ht="42.75" x14ac:dyDescent="0.15">
      <c r="A673" s="232"/>
      <c r="B673" s="115"/>
      <c r="C673" s="324" t="s">
        <v>503</v>
      </c>
      <c r="D673" s="325"/>
      <c r="E673" s="325"/>
      <c r="F673" s="325"/>
      <c r="G673" s="325"/>
      <c r="H673" s="326"/>
      <c r="I673" s="122" t="s">
        <v>504</v>
      </c>
      <c r="J673" s="116">
        <v>0</v>
      </c>
      <c r="K673" s="201" t="s">
        <v>542</v>
      </c>
      <c r="L673" s="117">
        <v>0</v>
      </c>
      <c r="M673" s="117">
        <v>0</v>
      </c>
      <c r="N673" s="117">
        <v>0</v>
      </c>
      <c r="O673" s="117">
        <v>0</v>
      </c>
      <c r="P673" s="117">
        <v>0</v>
      </c>
      <c r="Q673" s="117">
        <v>0</v>
      </c>
    </row>
    <row r="674" spans="1:22" s="118" customFormat="1" ht="57" x14ac:dyDescent="0.15">
      <c r="A674" s="232"/>
      <c r="B674" s="119"/>
      <c r="C674" s="324" t="s">
        <v>505</v>
      </c>
      <c r="D674" s="325"/>
      <c r="E674" s="325"/>
      <c r="F674" s="325"/>
      <c r="G674" s="325"/>
      <c r="H674" s="326"/>
      <c r="I674" s="122" t="s">
        <v>506</v>
      </c>
      <c r="J674" s="116">
        <v>108</v>
      </c>
      <c r="K674" s="201" t="s">
        <v>542</v>
      </c>
      <c r="L674" s="117">
        <v>34</v>
      </c>
      <c r="M674" s="117">
        <v>38</v>
      </c>
      <c r="N674" s="117">
        <v>36</v>
      </c>
      <c r="O674" s="117">
        <v>0</v>
      </c>
      <c r="P674" s="117">
        <v>0</v>
      </c>
      <c r="Q674" s="117">
        <v>0</v>
      </c>
    </row>
    <row r="675" spans="1:22" s="118" customFormat="1" ht="71.25" x14ac:dyDescent="0.15">
      <c r="A675" s="232"/>
      <c r="B675" s="119"/>
      <c r="C675" s="324" t="s">
        <v>507</v>
      </c>
      <c r="D675" s="325"/>
      <c r="E675" s="325"/>
      <c r="F675" s="325"/>
      <c r="G675" s="325"/>
      <c r="H675" s="326"/>
      <c r="I675" s="122" t="s">
        <v>508</v>
      </c>
      <c r="J675" s="116">
        <v>105</v>
      </c>
      <c r="K675" s="201" t="s">
        <v>543</v>
      </c>
      <c r="L675" s="117">
        <v>29</v>
      </c>
      <c r="M675" s="117">
        <v>31</v>
      </c>
      <c r="N675" s="117">
        <v>35</v>
      </c>
      <c r="O675" s="117" t="s">
        <v>541</v>
      </c>
      <c r="P675" s="117" t="s">
        <v>541</v>
      </c>
      <c r="Q675" s="117">
        <v>10</v>
      </c>
    </row>
    <row r="676" spans="1:22" s="118" customFormat="1" ht="57" x14ac:dyDescent="0.15">
      <c r="A676" s="232"/>
      <c r="B676" s="119"/>
      <c r="C676" s="324" t="s">
        <v>509</v>
      </c>
      <c r="D676" s="325"/>
      <c r="E676" s="325"/>
      <c r="F676" s="325"/>
      <c r="G676" s="325"/>
      <c r="H676" s="326"/>
      <c r="I676" s="122" t="s">
        <v>510</v>
      </c>
      <c r="J676" s="116" t="s">
        <v>540</v>
      </c>
      <c r="K676" s="201" t="s">
        <v>543</v>
      </c>
      <c r="L676" s="117" t="s">
        <v>540</v>
      </c>
      <c r="M676" s="117" t="s">
        <v>540</v>
      </c>
      <c r="N676" s="117" t="s">
        <v>540</v>
      </c>
      <c r="O676" s="117" t="s">
        <v>540</v>
      </c>
      <c r="P676" s="117" t="s">
        <v>540</v>
      </c>
      <c r="Q676" s="117" t="s">
        <v>540</v>
      </c>
    </row>
    <row r="677" spans="1:22" s="118" customFormat="1" ht="71.25" x14ac:dyDescent="0.15">
      <c r="A677" s="232"/>
      <c r="B677" s="119"/>
      <c r="C677" s="324" t="s">
        <v>511</v>
      </c>
      <c r="D677" s="325"/>
      <c r="E677" s="325"/>
      <c r="F677" s="325"/>
      <c r="G677" s="325"/>
      <c r="H677" s="326"/>
      <c r="I677" s="122" t="s">
        <v>512</v>
      </c>
      <c r="J677" s="116">
        <v>0</v>
      </c>
      <c r="K677" s="201" t="s">
        <v>542</v>
      </c>
      <c r="L677" s="117">
        <v>0</v>
      </c>
      <c r="M677" s="117">
        <v>0</v>
      </c>
      <c r="N677" s="117">
        <v>0</v>
      </c>
      <c r="O677" s="117">
        <v>0</v>
      </c>
      <c r="P677" s="117">
        <v>0</v>
      </c>
      <c r="Q677" s="117">
        <v>0</v>
      </c>
    </row>
    <row r="678" spans="1:22" s="91" customFormat="1" x14ac:dyDescent="0.15">
      <c r="A678" s="232"/>
      <c r="B678" s="18"/>
      <c r="C678" s="18"/>
      <c r="D678" s="18"/>
      <c r="E678" s="18"/>
      <c r="F678" s="18"/>
      <c r="G678" s="18"/>
      <c r="H678" s="14"/>
      <c r="I678" s="14"/>
      <c r="J678" s="88"/>
      <c r="K678" s="89"/>
      <c r="L678" s="90"/>
      <c r="M678" s="90"/>
      <c r="N678" s="90"/>
      <c r="O678" s="90"/>
      <c r="P678" s="90"/>
      <c r="Q678" s="90"/>
    </row>
    <row r="679" spans="1:22" s="83" customFormat="1" x14ac:dyDescent="0.15">
      <c r="A679" s="232"/>
      <c r="B679" s="84"/>
      <c r="C679" s="62"/>
      <c r="D679" s="62"/>
      <c r="E679" s="62"/>
      <c r="F679" s="62"/>
      <c r="G679" s="62"/>
      <c r="H679" s="92"/>
      <c r="I679" s="92"/>
      <c r="J679" s="88"/>
      <c r="K679" s="89"/>
      <c r="L679" s="90"/>
      <c r="M679" s="90"/>
      <c r="N679" s="90"/>
      <c r="O679" s="90"/>
      <c r="P679" s="90"/>
      <c r="Q679" s="90"/>
    </row>
    <row r="680" spans="1:22" s="83" customFormat="1" x14ac:dyDescent="0.15">
      <c r="A680" s="232"/>
      <c r="B680" s="84"/>
      <c r="C680" s="62"/>
      <c r="D680" s="62"/>
      <c r="E680" s="62"/>
      <c r="F680" s="62"/>
      <c r="G680" s="62"/>
      <c r="H680" s="92"/>
      <c r="I680" s="92"/>
      <c r="J680" s="88"/>
      <c r="K680" s="89"/>
      <c r="L680" s="90"/>
      <c r="M680" s="90"/>
      <c r="N680" s="90"/>
      <c r="O680" s="90"/>
      <c r="P680" s="90"/>
      <c r="Q680" s="90"/>
    </row>
    <row r="681" spans="1:22" s="115" customFormat="1" x14ac:dyDescent="0.15">
      <c r="A681" s="232"/>
      <c r="C681" s="3"/>
      <c r="D681" s="3"/>
      <c r="E681" s="3"/>
      <c r="F681" s="3"/>
      <c r="G681" s="3"/>
      <c r="H681" s="206"/>
      <c r="I681" s="206"/>
      <c r="J681" s="61"/>
      <c r="K681" s="31"/>
      <c r="L681" s="108"/>
      <c r="M681" s="108"/>
      <c r="N681" s="108"/>
      <c r="O681" s="108"/>
      <c r="P681" s="108"/>
      <c r="Q681" s="108"/>
    </row>
    <row r="682" spans="1:22" s="115" customFormat="1" x14ac:dyDescent="0.15">
      <c r="A682" s="232"/>
      <c r="B682" s="18" t="s">
        <v>513</v>
      </c>
      <c r="C682" s="3"/>
      <c r="D682" s="3"/>
      <c r="E682" s="3"/>
      <c r="F682" s="3"/>
      <c r="G682" s="3"/>
      <c r="H682" s="206"/>
      <c r="I682" s="206"/>
      <c r="J682" s="61"/>
      <c r="K682" s="31"/>
      <c r="L682" s="108"/>
      <c r="M682" s="108"/>
      <c r="N682" s="108"/>
      <c r="O682" s="108"/>
      <c r="P682" s="108"/>
      <c r="Q682" s="108"/>
    </row>
    <row r="683" spans="1:22" x14ac:dyDescent="0.15">
      <c r="A683" s="232"/>
      <c r="B683" s="18"/>
      <c r="C683" s="18"/>
      <c r="D683" s="18"/>
      <c r="E683" s="18"/>
      <c r="F683" s="18"/>
      <c r="G683" s="18"/>
      <c r="H683" s="14"/>
      <c r="I683" s="14"/>
      <c r="J683" s="63"/>
      <c r="K683" s="31"/>
      <c r="L683" s="76"/>
      <c r="M683" s="76"/>
      <c r="N683" s="76"/>
      <c r="O683" s="76"/>
      <c r="P683" s="76"/>
      <c r="Q683" s="76"/>
      <c r="R683" s="8"/>
      <c r="S683" s="8"/>
      <c r="T683" s="8"/>
      <c r="U683" s="8"/>
      <c r="V683" s="8"/>
    </row>
    <row r="684" spans="1:22" ht="34.5" customHeight="1" x14ac:dyDescent="0.15">
      <c r="A684" s="232"/>
      <c r="B684" s="18"/>
      <c r="C684" s="3"/>
      <c r="D684" s="3"/>
      <c r="F684" s="3"/>
      <c r="G684" s="3"/>
      <c r="H684" s="206"/>
      <c r="I684" s="206"/>
      <c r="J684" s="77" t="s">
        <v>35</v>
      </c>
      <c r="K684" s="185"/>
      <c r="L684" s="66" t="s">
        <v>525</v>
      </c>
      <c r="M684" s="66" t="s">
        <v>527</v>
      </c>
      <c r="N684" s="66" t="s">
        <v>528</v>
      </c>
      <c r="O684" s="66" t="s">
        <v>529</v>
      </c>
      <c r="P684" s="66" t="s">
        <v>530</v>
      </c>
      <c r="Q684" s="66" t="s">
        <v>531</v>
      </c>
      <c r="R684" s="8"/>
      <c r="S684" s="8"/>
      <c r="T684" s="8"/>
      <c r="U684" s="8"/>
      <c r="V684" s="8"/>
    </row>
    <row r="685" spans="1:22" ht="20.25" customHeight="1" x14ac:dyDescent="0.15">
      <c r="A685" s="232"/>
      <c r="B685" s="1"/>
      <c r="C685" s="62"/>
      <c r="D685" s="3"/>
      <c r="F685" s="3"/>
      <c r="G685" s="3"/>
      <c r="H685" s="206"/>
      <c r="I685" s="67" t="s">
        <v>125</v>
      </c>
      <c r="J685" s="68"/>
      <c r="K685" s="186"/>
      <c r="L685" s="70" t="s">
        <v>526</v>
      </c>
      <c r="M685" s="70" t="s">
        <v>526</v>
      </c>
      <c r="N685" s="70" t="s">
        <v>526</v>
      </c>
      <c r="O685" s="70" t="s">
        <v>526</v>
      </c>
      <c r="P685" s="70" t="s">
        <v>526</v>
      </c>
      <c r="Q685" s="70" t="s">
        <v>526</v>
      </c>
      <c r="R685" s="8"/>
      <c r="S685" s="8"/>
      <c r="T685" s="8"/>
      <c r="U685" s="8"/>
      <c r="V685" s="8"/>
    </row>
    <row r="686" spans="1:22" s="118" customFormat="1" ht="57" x14ac:dyDescent="0.15">
      <c r="A686" s="232"/>
      <c r="B686" s="115"/>
      <c r="C686" s="324" t="s">
        <v>514</v>
      </c>
      <c r="D686" s="325"/>
      <c r="E686" s="325"/>
      <c r="F686" s="325"/>
      <c r="G686" s="325"/>
      <c r="H686" s="326"/>
      <c r="I686" s="122" t="s">
        <v>515</v>
      </c>
      <c r="J686" s="116">
        <v>0</v>
      </c>
      <c r="K686" s="201" t="s">
        <v>542</v>
      </c>
      <c r="L686" s="117">
        <v>0</v>
      </c>
      <c r="M686" s="117">
        <v>0</v>
      </c>
      <c r="N686" s="117">
        <v>0</v>
      </c>
      <c r="O686" s="117">
        <v>0</v>
      </c>
      <c r="P686" s="117">
        <v>0</v>
      </c>
      <c r="Q686" s="117">
        <v>0</v>
      </c>
    </row>
    <row r="687" spans="1:22" s="118" customFormat="1" ht="57" x14ac:dyDescent="0.15">
      <c r="A687" s="232"/>
      <c r="B687" s="119"/>
      <c r="C687" s="324" t="s">
        <v>516</v>
      </c>
      <c r="D687" s="325"/>
      <c r="E687" s="325"/>
      <c r="F687" s="325"/>
      <c r="G687" s="325"/>
      <c r="H687" s="326"/>
      <c r="I687" s="122" t="s">
        <v>517</v>
      </c>
      <c r="J687" s="116">
        <v>0</v>
      </c>
      <c r="K687" s="201" t="s">
        <v>542</v>
      </c>
      <c r="L687" s="117">
        <v>0</v>
      </c>
      <c r="M687" s="117">
        <v>0</v>
      </c>
      <c r="N687" s="117">
        <v>0</v>
      </c>
      <c r="O687" s="117">
        <v>0</v>
      </c>
      <c r="P687" s="117">
        <v>0</v>
      </c>
      <c r="Q687" s="117">
        <v>0</v>
      </c>
    </row>
    <row r="688" spans="1:22" s="118" customFormat="1" ht="71.25" x14ac:dyDescent="0.15">
      <c r="A688" s="232"/>
      <c r="B688" s="119"/>
      <c r="C688" s="324" t="s">
        <v>518</v>
      </c>
      <c r="D688" s="325"/>
      <c r="E688" s="325"/>
      <c r="F688" s="325"/>
      <c r="G688" s="325"/>
      <c r="H688" s="326"/>
      <c r="I688" s="122" t="s">
        <v>519</v>
      </c>
      <c r="J688" s="116">
        <v>0</v>
      </c>
      <c r="K688" s="201" t="s">
        <v>542</v>
      </c>
      <c r="L688" s="117">
        <v>0</v>
      </c>
      <c r="M688" s="117">
        <v>0</v>
      </c>
      <c r="N688" s="117">
        <v>0</v>
      </c>
      <c r="O688" s="117">
        <v>0</v>
      </c>
      <c r="P688" s="117">
        <v>0</v>
      </c>
      <c r="Q688" s="117">
        <v>0</v>
      </c>
    </row>
    <row r="689" spans="1:23" s="118" customFormat="1" ht="71.25" x14ac:dyDescent="0.15">
      <c r="A689" s="232"/>
      <c r="B689" s="119"/>
      <c r="C689" s="324" t="s">
        <v>520</v>
      </c>
      <c r="D689" s="325"/>
      <c r="E689" s="325"/>
      <c r="F689" s="325"/>
      <c r="G689" s="325"/>
      <c r="H689" s="326"/>
      <c r="I689" s="122" t="s">
        <v>521</v>
      </c>
      <c r="J689" s="116">
        <v>0</v>
      </c>
      <c r="K689" s="201" t="s">
        <v>542</v>
      </c>
      <c r="L689" s="117">
        <v>0</v>
      </c>
      <c r="M689" s="117">
        <v>0</v>
      </c>
      <c r="N689" s="117">
        <v>0</v>
      </c>
      <c r="O689" s="117">
        <v>0</v>
      </c>
      <c r="P689" s="117">
        <v>0</v>
      </c>
      <c r="Q689" s="117">
        <v>0</v>
      </c>
    </row>
    <row r="690" spans="1:23" s="91" customFormat="1" x14ac:dyDescent="0.15">
      <c r="A690" s="232"/>
      <c r="B690" s="18"/>
      <c r="C690" s="18"/>
      <c r="D690" s="18"/>
      <c r="E690" s="18"/>
      <c r="F690" s="18"/>
      <c r="G690" s="18"/>
      <c r="H690" s="14"/>
      <c r="I690" s="14"/>
      <c r="J690" s="88"/>
      <c r="K690" s="89"/>
      <c r="L690" s="90"/>
      <c r="M690" s="90"/>
      <c r="N690" s="90"/>
      <c r="O690" s="90"/>
      <c r="P690" s="90"/>
      <c r="Q690" s="90"/>
      <c r="R690" s="90"/>
      <c r="S690" s="90"/>
      <c r="T690" s="90"/>
      <c r="U690" s="90"/>
      <c r="V690" s="90"/>
    </row>
    <row r="691" spans="1:23" s="83" customFormat="1" x14ac:dyDescent="0.15">
      <c r="A691" s="232"/>
      <c r="B691" s="84"/>
      <c r="C691" s="62"/>
      <c r="D691" s="62"/>
      <c r="E691" s="62"/>
      <c r="F691" s="62"/>
      <c r="G691" s="62"/>
      <c r="H691" s="92"/>
      <c r="I691" s="92"/>
      <c r="J691" s="88"/>
      <c r="K691" s="89"/>
      <c r="L691" s="90"/>
      <c r="M691" s="90"/>
      <c r="N691" s="90"/>
      <c r="O691" s="90"/>
      <c r="P691" s="90"/>
      <c r="Q691" s="90"/>
      <c r="R691" s="90"/>
      <c r="S691" s="90"/>
      <c r="T691" s="90"/>
      <c r="U691" s="90"/>
      <c r="V691" s="90"/>
    </row>
    <row r="692" spans="1:23" s="83" customFormat="1" x14ac:dyDescent="0.15">
      <c r="A692" s="232"/>
      <c r="B692" s="119"/>
      <c r="C692" s="119"/>
      <c r="D692" s="62"/>
      <c r="E692" s="62"/>
      <c r="F692" s="62"/>
      <c r="G692" s="62"/>
      <c r="H692" s="92"/>
      <c r="I692" s="167" t="s">
        <v>213</v>
      </c>
      <c r="J692" s="88"/>
      <c r="K692" s="89"/>
      <c r="L692" s="90"/>
      <c r="M692" s="90"/>
      <c r="N692" s="90"/>
      <c r="O692" s="90"/>
      <c r="P692" s="90"/>
      <c r="Q692" s="90"/>
      <c r="R692" s="90"/>
      <c r="S692" s="90"/>
      <c r="T692" s="90"/>
      <c r="U692" s="90"/>
      <c r="V692" s="90"/>
    </row>
    <row r="693" spans="1:23" s="91" customFormat="1" x14ac:dyDescent="0.15">
      <c r="A693" s="232"/>
      <c r="B693" s="18"/>
      <c r="C693" s="18"/>
      <c r="D693" s="18"/>
      <c r="E693" s="18"/>
      <c r="F693" s="18"/>
      <c r="G693" s="18"/>
      <c r="H693" s="14"/>
      <c r="I693" s="14"/>
      <c r="J693" s="88"/>
      <c r="K693" s="89"/>
      <c r="L693" s="90"/>
      <c r="M693" s="90"/>
      <c r="N693" s="90"/>
      <c r="O693" s="90"/>
      <c r="P693" s="90"/>
      <c r="Q693" s="90"/>
      <c r="R693" s="90"/>
      <c r="S693" s="90"/>
      <c r="T693" s="90"/>
      <c r="U693" s="90"/>
      <c r="V693" s="90"/>
    </row>
    <row r="694" spans="1:23" s="83" customFormat="1" x14ac:dyDescent="0.15">
      <c r="A694" s="232"/>
      <c r="B694" s="119"/>
      <c r="C694" s="119"/>
      <c r="D694" s="62"/>
      <c r="E694" s="62"/>
      <c r="F694" s="62"/>
      <c r="G694" s="62"/>
      <c r="H694" s="92"/>
      <c r="I694" s="92"/>
      <c r="J694" s="88"/>
      <c r="K694" s="89"/>
      <c r="L694" s="90"/>
      <c r="M694" s="90"/>
      <c r="N694" s="90"/>
      <c r="O694" s="90"/>
      <c r="P694" s="90"/>
      <c r="Q694" s="90"/>
      <c r="R694" s="90"/>
      <c r="S694" s="90"/>
      <c r="T694" s="90"/>
      <c r="U694" s="90"/>
      <c r="V694" s="90"/>
    </row>
    <row r="695" spans="1:23" s="118" customFormat="1" x14ac:dyDescent="0.15">
      <c r="A695" s="234"/>
      <c r="B695" s="173"/>
      <c r="C695" s="2"/>
      <c r="D695" s="2"/>
      <c r="E695" s="3"/>
      <c r="F695" s="2"/>
      <c r="G695" s="2"/>
      <c r="H695" s="4"/>
      <c r="I695" s="4"/>
      <c r="J695" s="5"/>
      <c r="K695" s="6"/>
      <c r="L695" s="5"/>
      <c r="M695" s="5"/>
      <c r="N695" s="7"/>
      <c r="O695" s="7"/>
      <c r="P695" s="7"/>
      <c r="Q695" s="7"/>
      <c r="R695" s="7"/>
      <c r="S695" s="7"/>
      <c r="T695" s="7"/>
      <c r="U695" s="7"/>
      <c r="V695" s="7"/>
      <c r="W695" s="8"/>
    </row>
    <row r="696" spans="1:23" s="118" customFormat="1" x14ac:dyDescent="0.15">
      <c r="A696" s="234"/>
      <c r="B696" s="173"/>
      <c r="C696" s="2"/>
      <c r="D696" s="2"/>
      <c r="E696" s="3"/>
      <c r="F696" s="2"/>
      <c r="G696" s="2"/>
      <c r="H696" s="4"/>
      <c r="I696" s="4"/>
      <c r="J696" s="5"/>
      <c r="K696" s="6"/>
      <c r="L696" s="5"/>
      <c r="M696" s="5"/>
      <c r="N696" s="7"/>
      <c r="O696" s="7"/>
      <c r="P696" s="7"/>
      <c r="Q696" s="7"/>
      <c r="R696" s="7"/>
      <c r="S696" s="7"/>
      <c r="T696" s="7"/>
      <c r="U696" s="7"/>
      <c r="V696" s="7"/>
      <c r="W696" s="8"/>
    </row>
    <row r="697" spans="1:23" s="118" customFormat="1" x14ac:dyDescent="0.15">
      <c r="A697" s="234"/>
      <c r="B697" s="173"/>
      <c r="C697" s="2"/>
      <c r="D697" s="2"/>
      <c r="E697" s="3"/>
      <c r="F697" s="2"/>
      <c r="G697" s="2"/>
      <c r="H697" s="4"/>
      <c r="I697" s="4"/>
      <c r="J697" s="5"/>
      <c r="K697" s="6"/>
      <c r="L697" s="5"/>
      <c r="M697" s="5"/>
      <c r="N697" s="7"/>
      <c r="O697" s="7"/>
      <c r="P697" s="7"/>
      <c r="Q697" s="7"/>
      <c r="R697" s="7"/>
      <c r="S697" s="7"/>
      <c r="T697" s="7"/>
      <c r="U697" s="7"/>
      <c r="V697" s="7"/>
      <c r="W697" s="8"/>
    </row>
    <row r="698" spans="1:23" s="118" customFormat="1" x14ac:dyDescent="0.15">
      <c r="A698" s="234"/>
      <c r="B698" s="173"/>
      <c r="C698" s="2"/>
      <c r="D698" s="2"/>
      <c r="E698" s="3"/>
      <c r="F698" s="2"/>
      <c r="G698" s="2"/>
      <c r="H698" s="4"/>
      <c r="I698" s="4"/>
      <c r="J698" s="5"/>
      <c r="K698" s="6"/>
      <c r="L698" s="5"/>
      <c r="M698" s="5"/>
      <c r="N698" s="7"/>
      <c r="O698" s="7"/>
      <c r="P698" s="7"/>
      <c r="Q698" s="7"/>
      <c r="R698" s="7"/>
      <c r="S698" s="7"/>
      <c r="T698" s="7"/>
      <c r="U698" s="7"/>
      <c r="V698" s="7"/>
      <c r="W698" s="8"/>
    </row>
    <row r="699" spans="1:23" s="118" customFormat="1" x14ac:dyDescent="0.15">
      <c r="A699" s="234"/>
      <c r="B699" s="173"/>
      <c r="C699" s="2"/>
      <c r="D699" s="2"/>
      <c r="E699" s="3"/>
      <c r="F699" s="2"/>
      <c r="G699" s="2"/>
      <c r="H699" s="4"/>
      <c r="I699" s="4"/>
      <c r="J699" s="5"/>
      <c r="K699" s="6"/>
      <c r="L699" s="5"/>
      <c r="M699" s="5"/>
      <c r="N699" s="7"/>
      <c r="O699" s="7"/>
      <c r="P699" s="7"/>
      <c r="Q699" s="7"/>
      <c r="R699" s="7"/>
      <c r="S699" s="7"/>
      <c r="T699" s="7"/>
      <c r="U699" s="7"/>
      <c r="V699" s="7"/>
      <c r="W699" s="8"/>
    </row>
    <row r="700" spans="1:23" s="118" customFormat="1" x14ac:dyDescent="0.15">
      <c r="A700" s="234"/>
      <c r="B700" s="8"/>
      <c r="C700" s="2"/>
      <c r="D700" s="2"/>
      <c r="E700" s="3"/>
      <c r="F700" s="2"/>
      <c r="G700" s="2"/>
      <c r="H700" s="4"/>
      <c r="I700" s="4"/>
      <c r="J700" s="5"/>
      <c r="K700" s="6"/>
      <c r="L700" s="5"/>
      <c r="M700" s="5"/>
      <c r="N700" s="7"/>
      <c r="O700" s="7"/>
      <c r="P700" s="7"/>
      <c r="Q700" s="7"/>
      <c r="R700" s="7"/>
      <c r="S700" s="7"/>
      <c r="T700" s="7"/>
      <c r="U700" s="7"/>
      <c r="V700" s="7"/>
      <c r="W700" s="8"/>
    </row>
    <row r="701" spans="1:23" s="118" customFormat="1" x14ac:dyDescent="0.15">
      <c r="A701" s="234"/>
      <c r="B701" s="8"/>
      <c r="C701" s="2"/>
      <c r="D701" s="2"/>
      <c r="E701" s="3"/>
      <c r="F701" s="2"/>
      <c r="G701" s="2"/>
      <c r="H701" s="4"/>
      <c r="I701" s="4"/>
      <c r="J701" s="5"/>
      <c r="K701" s="6"/>
      <c r="L701" s="5"/>
      <c r="M701" s="5"/>
      <c r="N701" s="7"/>
      <c r="O701" s="7"/>
      <c r="P701" s="7"/>
      <c r="Q701" s="7"/>
      <c r="R701" s="7"/>
      <c r="S701" s="7"/>
      <c r="T701" s="7"/>
      <c r="U701" s="7"/>
      <c r="V701" s="7"/>
      <c r="W701" s="8"/>
    </row>
    <row r="702" spans="1:23" s="118" customFormat="1" x14ac:dyDescent="0.15">
      <c r="A702" s="234"/>
      <c r="B702" s="8"/>
      <c r="C702" s="2"/>
      <c r="D702" s="2"/>
      <c r="E702" s="3"/>
      <c r="F702" s="2"/>
      <c r="G702" s="2"/>
      <c r="H702" s="4"/>
      <c r="I702" s="4"/>
      <c r="J702" s="5"/>
      <c r="K702" s="6"/>
      <c r="L702" s="5"/>
      <c r="M702" s="5"/>
      <c r="N702" s="7"/>
      <c r="O702" s="7"/>
      <c r="P702" s="7"/>
      <c r="Q702" s="7"/>
      <c r="R702" s="7"/>
      <c r="S702" s="7"/>
      <c r="T702" s="7"/>
      <c r="U702" s="7"/>
      <c r="V702" s="7"/>
      <c r="W702" s="8"/>
    </row>
  </sheetData>
  <mergeCells count="509">
    <mergeCell ref="C688:H688"/>
    <mergeCell ref="C689:H689"/>
    <mergeCell ref="C674:H674"/>
    <mergeCell ref="C675:H675"/>
    <mergeCell ref="C676:H676"/>
    <mergeCell ref="C677:H677"/>
    <mergeCell ref="C686:H686"/>
    <mergeCell ref="C687:H687"/>
    <mergeCell ref="C654:H654"/>
    <mergeCell ref="C662:H662"/>
    <mergeCell ref="C663:H663"/>
    <mergeCell ref="C664:H664"/>
    <mergeCell ref="C665:H665"/>
    <mergeCell ref="C673:H673"/>
    <mergeCell ref="C649:H649"/>
    <mergeCell ref="I649:I651"/>
    <mergeCell ref="E650:H650"/>
    <mergeCell ref="E651:F651"/>
    <mergeCell ref="G651:H651"/>
    <mergeCell ref="C652:H652"/>
    <mergeCell ref="I652:I653"/>
    <mergeCell ref="E653:H653"/>
    <mergeCell ref="C637:H637"/>
    <mergeCell ref="C638:H638"/>
    <mergeCell ref="C639:H639"/>
    <mergeCell ref="C646:H646"/>
    <mergeCell ref="C647:H647"/>
    <mergeCell ref="C648:H648"/>
    <mergeCell ref="E631:H631"/>
    <mergeCell ref="E632:H632"/>
    <mergeCell ref="E633:H633"/>
    <mergeCell ref="C634:H634"/>
    <mergeCell ref="C635:H635"/>
    <mergeCell ref="C636:H636"/>
    <mergeCell ref="C625:H625"/>
    <mergeCell ref="E626:H626"/>
    <mergeCell ref="E627:H627"/>
    <mergeCell ref="E628:H628"/>
    <mergeCell ref="E629:H629"/>
    <mergeCell ref="E630:H630"/>
    <mergeCell ref="C612:H612"/>
    <mergeCell ref="C613:H613"/>
    <mergeCell ref="C614:H614"/>
    <mergeCell ref="C615:H615"/>
    <mergeCell ref="C616:H616"/>
    <mergeCell ref="C617:H617"/>
    <mergeCell ref="C599:H599"/>
    <mergeCell ref="C600:H600"/>
    <mergeCell ref="C601:H601"/>
    <mergeCell ref="C602:H602"/>
    <mergeCell ref="C610:H610"/>
    <mergeCell ref="C611:H611"/>
    <mergeCell ref="C587:H587"/>
    <mergeCell ref="C595:H595"/>
    <mergeCell ref="I595:I596"/>
    <mergeCell ref="C596:H596"/>
    <mergeCell ref="C597:H597"/>
    <mergeCell ref="C598:H598"/>
    <mergeCell ref="C581:H581"/>
    <mergeCell ref="C582:H582"/>
    <mergeCell ref="C583:H583"/>
    <mergeCell ref="C584:H584"/>
    <mergeCell ref="C585:H585"/>
    <mergeCell ref="C586:H586"/>
    <mergeCell ref="C575:H575"/>
    <mergeCell ref="C576:H576"/>
    <mergeCell ref="C577:H577"/>
    <mergeCell ref="I577:I578"/>
    <mergeCell ref="E578:H578"/>
    <mergeCell ref="C579:H579"/>
    <mergeCell ref="I579:I580"/>
    <mergeCell ref="E580:H580"/>
    <mergeCell ref="D562:H562"/>
    <mergeCell ref="D563:H563"/>
    <mergeCell ref="D564:H564"/>
    <mergeCell ref="C572:H572"/>
    <mergeCell ref="C573:H573"/>
    <mergeCell ref="C574:H574"/>
    <mergeCell ref="I537:I564"/>
    <mergeCell ref="D556:H556"/>
    <mergeCell ref="D557:H557"/>
    <mergeCell ref="C558:H558"/>
    <mergeCell ref="D559:H559"/>
    <mergeCell ref="D560:H560"/>
    <mergeCell ref="D561:H561"/>
    <mergeCell ref="D550:H550"/>
    <mergeCell ref="C551:H551"/>
    <mergeCell ref="D552:H552"/>
    <mergeCell ref="D553:H553"/>
    <mergeCell ref="D554:H554"/>
    <mergeCell ref="D555:H555"/>
    <mergeCell ref="C544:H544"/>
    <mergeCell ref="D545:H545"/>
    <mergeCell ref="D546:H546"/>
    <mergeCell ref="D547:H547"/>
    <mergeCell ref="D548:H548"/>
    <mergeCell ref="D549:H549"/>
    <mergeCell ref="C535:H535"/>
    <mergeCell ref="C536:H536"/>
    <mergeCell ref="C537:H537"/>
    <mergeCell ref="D538:H538"/>
    <mergeCell ref="D539:H539"/>
    <mergeCell ref="D540:H540"/>
    <mergeCell ref="D541:H541"/>
    <mergeCell ref="D542:H542"/>
    <mergeCell ref="D543:H543"/>
    <mergeCell ref="C529:H529"/>
    <mergeCell ref="C530:H530"/>
    <mergeCell ref="C531:H531"/>
    <mergeCell ref="C532:H532"/>
    <mergeCell ref="C533:H533"/>
    <mergeCell ref="C534:H534"/>
    <mergeCell ref="C516:H516"/>
    <mergeCell ref="C524:H524"/>
    <mergeCell ref="C525:H525"/>
    <mergeCell ref="C526:H526"/>
    <mergeCell ref="C527:H527"/>
    <mergeCell ref="C528:H528"/>
    <mergeCell ref="C511:H511"/>
    <mergeCell ref="C512:H512"/>
    <mergeCell ref="C513:H513"/>
    <mergeCell ref="I513:I514"/>
    <mergeCell ref="C514:H514"/>
    <mergeCell ref="C515:H515"/>
    <mergeCell ref="C496:H496"/>
    <mergeCell ref="C500:F500"/>
    <mergeCell ref="C501:H501"/>
    <mergeCell ref="C505:F505"/>
    <mergeCell ref="C506:H506"/>
    <mergeCell ref="C510:F510"/>
    <mergeCell ref="C487:H487"/>
    <mergeCell ref="C488:H488"/>
    <mergeCell ref="C489:H489"/>
    <mergeCell ref="C490:H490"/>
    <mergeCell ref="C494:F494"/>
    <mergeCell ref="C495:H495"/>
    <mergeCell ref="C475:H475"/>
    <mergeCell ref="C482:F482"/>
    <mergeCell ref="C483:H483"/>
    <mergeCell ref="C484:H484"/>
    <mergeCell ref="C485:H485"/>
    <mergeCell ref="C486:H486"/>
    <mergeCell ref="E469:H469"/>
    <mergeCell ref="E470:H470"/>
    <mergeCell ref="E471:H471"/>
    <mergeCell ref="E472:H472"/>
    <mergeCell ref="C473:H473"/>
    <mergeCell ref="C474:H474"/>
    <mergeCell ref="I460:I472"/>
    <mergeCell ref="D461:D472"/>
    <mergeCell ref="E461:H461"/>
    <mergeCell ref="E462:H462"/>
    <mergeCell ref="E463:H463"/>
    <mergeCell ref="E464:H464"/>
    <mergeCell ref="E465:H465"/>
    <mergeCell ref="E466:H466"/>
    <mergeCell ref="E467:H467"/>
    <mergeCell ref="E468:H468"/>
    <mergeCell ref="E455:H455"/>
    <mergeCell ref="E456:H456"/>
    <mergeCell ref="E457:H457"/>
    <mergeCell ref="E458:H458"/>
    <mergeCell ref="E459:H459"/>
    <mergeCell ref="C460:H460"/>
    <mergeCell ref="C447:H447"/>
    <mergeCell ref="I447:I459"/>
    <mergeCell ref="D448:D459"/>
    <mergeCell ref="E448:H448"/>
    <mergeCell ref="E449:H449"/>
    <mergeCell ref="E450:H450"/>
    <mergeCell ref="E451:H451"/>
    <mergeCell ref="E452:H452"/>
    <mergeCell ref="E453:H453"/>
    <mergeCell ref="E454:H454"/>
    <mergeCell ref="C422:H422"/>
    <mergeCell ref="I422:I427"/>
    <mergeCell ref="E423:H423"/>
    <mergeCell ref="E424:H424"/>
    <mergeCell ref="C425:H425"/>
    <mergeCell ref="E426:H426"/>
    <mergeCell ref="E427:H427"/>
    <mergeCell ref="C409:H409"/>
    <mergeCell ref="I409:I413"/>
    <mergeCell ref="E410:H410"/>
    <mergeCell ref="E411:H411"/>
    <mergeCell ref="E412:H412"/>
    <mergeCell ref="E413:H413"/>
    <mergeCell ref="C404:H404"/>
    <mergeCell ref="I404:I408"/>
    <mergeCell ref="E405:H405"/>
    <mergeCell ref="E406:H406"/>
    <mergeCell ref="E407:H407"/>
    <mergeCell ref="E408:H408"/>
    <mergeCell ref="E386:H386"/>
    <mergeCell ref="E387:H387"/>
    <mergeCell ref="D388:H388"/>
    <mergeCell ref="D389:D396"/>
    <mergeCell ref="E389:H389"/>
    <mergeCell ref="E390:H390"/>
    <mergeCell ref="E391:H391"/>
    <mergeCell ref="E392:H392"/>
    <mergeCell ref="E393:H393"/>
    <mergeCell ref="E394:H394"/>
    <mergeCell ref="C381:C396"/>
    <mergeCell ref="D381:H381"/>
    <mergeCell ref="I381:I396"/>
    <mergeCell ref="D382:D387"/>
    <mergeCell ref="E382:H382"/>
    <mergeCell ref="E383:H383"/>
    <mergeCell ref="E384:H384"/>
    <mergeCell ref="E385:H385"/>
    <mergeCell ref="E395:H395"/>
    <mergeCell ref="E396:H396"/>
    <mergeCell ref="C365:C380"/>
    <mergeCell ref="D365:H365"/>
    <mergeCell ref="I365:I380"/>
    <mergeCell ref="D366:D371"/>
    <mergeCell ref="E366:H366"/>
    <mergeCell ref="E367:H367"/>
    <mergeCell ref="E368:H368"/>
    <mergeCell ref="E369:H369"/>
    <mergeCell ref="E370:H370"/>
    <mergeCell ref="E371:H371"/>
    <mergeCell ref="D372:H372"/>
    <mergeCell ref="D373:D380"/>
    <mergeCell ref="E373:H373"/>
    <mergeCell ref="E374:H374"/>
    <mergeCell ref="E375:H375"/>
    <mergeCell ref="E376:H376"/>
    <mergeCell ref="E377:H377"/>
    <mergeCell ref="E378:H378"/>
    <mergeCell ref="E379:H379"/>
    <mergeCell ref="E380:H380"/>
    <mergeCell ref="C329:H333"/>
    <mergeCell ref="I329:I333"/>
    <mergeCell ref="C352:C357"/>
    <mergeCell ref="D352:H352"/>
    <mergeCell ref="I352:I357"/>
    <mergeCell ref="D353:D355"/>
    <mergeCell ref="E353:H353"/>
    <mergeCell ref="E354:H354"/>
    <mergeCell ref="E355:H355"/>
    <mergeCell ref="D356:H356"/>
    <mergeCell ref="D357:H357"/>
    <mergeCell ref="E314:H314"/>
    <mergeCell ref="E315:H315"/>
    <mergeCell ref="E316:H316"/>
    <mergeCell ref="E317:H317"/>
    <mergeCell ref="E318:H318"/>
    <mergeCell ref="E319:H319"/>
    <mergeCell ref="C308:D310"/>
    <mergeCell ref="E308:H308"/>
    <mergeCell ref="I308:I310"/>
    <mergeCell ref="E309:H309"/>
    <mergeCell ref="E310:H310"/>
    <mergeCell ref="C311:D320"/>
    <mergeCell ref="E311:H311"/>
    <mergeCell ref="E312:H312"/>
    <mergeCell ref="I312:I313"/>
    <mergeCell ref="E313:H313"/>
    <mergeCell ref="E320:H320"/>
    <mergeCell ref="I284:I296"/>
    <mergeCell ref="C285:F296"/>
    <mergeCell ref="G285:G286"/>
    <mergeCell ref="G287:G288"/>
    <mergeCell ref="G289:G290"/>
    <mergeCell ref="G291:G292"/>
    <mergeCell ref="G293:G294"/>
    <mergeCell ref="G295:G296"/>
    <mergeCell ref="C304:D307"/>
    <mergeCell ref="E304:F306"/>
    <mergeCell ref="G304:H304"/>
    <mergeCell ref="I304:I307"/>
    <mergeCell ref="G305:H305"/>
    <mergeCell ref="G306:H306"/>
    <mergeCell ref="E307:H307"/>
    <mergeCell ref="G267:H267"/>
    <mergeCell ref="G268:H268"/>
    <mergeCell ref="C269:F270"/>
    <mergeCell ref="G269:H269"/>
    <mergeCell ref="G270:H270"/>
    <mergeCell ref="C275:F276"/>
    <mergeCell ref="G275:H275"/>
    <mergeCell ref="G276:H276"/>
    <mergeCell ref="C284:H284"/>
    <mergeCell ref="G262:H262"/>
    <mergeCell ref="C263:F264"/>
    <mergeCell ref="G263:H263"/>
    <mergeCell ref="G264:H264"/>
    <mergeCell ref="C265:F266"/>
    <mergeCell ref="G265:H265"/>
    <mergeCell ref="G266:H266"/>
    <mergeCell ref="L255:N255"/>
    <mergeCell ref="C257:F258"/>
    <mergeCell ref="G257:H257"/>
    <mergeCell ref="I257:I276"/>
    <mergeCell ref="G258:H258"/>
    <mergeCell ref="C259:F260"/>
    <mergeCell ref="G259:H259"/>
    <mergeCell ref="G260:H260"/>
    <mergeCell ref="C261:F262"/>
    <mergeCell ref="G261:H261"/>
    <mergeCell ref="C271:F272"/>
    <mergeCell ref="G271:H271"/>
    <mergeCell ref="G272:H272"/>
    <mergeCell ref="C273:F274"/>
    <mergeCell ref="G273:H273"/>
    <mergeCell ref="G274:H274"/>
    <mergeCell ref="C267:F268"/>
    <mergeCell ref="C249:F250"/>
    <mergeCell ref="G249:H249"/>
    <mergeCell ref="G250:H250"/>
    <mergeCell ref="C251:F252"/>
    <mergeCell ref="G251:H251"/>
    <mergeCell ref="G252:H252"/>
    <mergeCell ref="C245:F246"/>
    <mergeCell ref="G245:H245"/>
    <mergeCell ref="G246:H246"/>
    <mergeCell ref="C247:F248"/>
    <mergeCell ref="G247:H247"/>
    <mergeCell ref="G248:H248"/>
    <mergeCell ref="G242:H242"/>
    <mergeCell ref="C243:F244"/>
    <mergeCell ref="G243:H243"/>
    <mergeCell ref="G244:H244"/>
    <mergeCell ref="C237:F238"/>
    <mergeCell ref="G237:H237"/>
    <mergeCell ref="G238:H238"/>
    <mergeCell ref="C239:F240"/>
    <mergeCell ref="G239:H239"/>
    <mergeCell ref="G240:H240"/>
    <mergeCell ref="C215:H215"/>
    <mergeCell ref="C216:H216"/>
    <mergeCell ref="C217:H217"/>
    <mergeCell ref="C225:F226"/>
    <mergeCell ref="G225:H225"/>
    <mergeCell ref="I225:I252"/>
    <mergeCell ref="G226:H226"/>
    <mergeCell ref="C227:F228"/>
    <mergeCell ref="G227:H227"/>
    <mergeCell ref="G228:H228"/>
    <mergeCell ref="C233:F234"/>
    <mergeCell ref="G233:H233"/>
    <mergeCell ref="G234:H234"/>
    <mergeCell ref="C235:F236"/>
    <mergeCell ref="G235:H235"/>
    <mergeCell ref="G236:H236"/>
    <mergeCell ref="C229:F230"/>
    <mergeCell ref="G229:H229"/>
    <mergeCell ref="G230:H230"/>
    <mergeCell ref="C231:F232"/>
    <mergeCell ref="G231:H231"/>
    <mergeCell ref="G232:H232"/>
    <mergeCell ref="C241:F242"/>
    <mergeCell ref="G241:H241"/>
    <mergeCell ref="C196:H196"/>
    <mergeCell ref="I196:I198"/>
    <mergeCell ref="C197:H197"/>
    <mergeCell ref="C198:H198"/>
    <mergeCell ref="C206:H206"/>
    <mergeCell ref="C207:H207"/>
    <mergeCell ref="C176:H176"/>
    <mergeCell ref="C177:H177"/>
    <mergeCell ref="C178:H178"/>
    <mergeCell ref="C179:H179"/>
    <mergeCell ref="C180:H180"/>
    <mergeCell ref="C188:H188"/>
    <mergeCell ref="C170:H170"/>
    <mergeCell ref="C171:H171"/>
    <mergeCell ref="C172:H172"/>
    <mergeCell ref="C173:H173"/>
    <mergeCell ref="C174:H174"/>
    <mergeCell ref="C175:H175"/>
    <mergeCell ref="C164:H164"/>
    <mergeCell ref="C165:H165"/>
    <mergeCell ref="C166:H166"/>
    <mergeCell ref="C167:H167"/>
    <mergeCell ref="C168:H168"/>
    <mergeCell ref="C169:H169"/>
    <mergeCell ref="C159:H159"/>
    <mergeCell ref="C160:H160"/>
    <mergeCell ref="C161:H161"/>
    <mergeCell ref="C162:H162"/>
    <mergeCell ref="C163:H163"/>
    <mergeCell ref="C152:H152"/>
    <mergeCell ref="C153:H153"/>
    <mergeCell ref="C154:H154"/>
    <mergeCell ref="C155:H155"/>
    <mergeCell ref="C156:H156"/>
    <mergeCell ref="C157:H157"/>
    <mergeCell ref="C150:H150"/>
    <mergeCell ref="C151:H151"/>
    <mergeCell ref="C140:H140"/>
    <mergeCell ref="C141:H141"/>
    <mergeCell ref="C142:H142"/>
    <mergeCell ref="C143:H143"/>
    <mergeCell ref="C144:H144"/>
    <mergeCell ref="C145:H145"/>
    <mergeCell ref="C158:H158"/>
    <mergeCell ref="C121:H121"/>
    <mergeCell ref="I121:I180"/>
    <mergeCell ref="C122:H122"/>
    <mergeCell ref="C123:H123"/>
    <mergeCell ref="C124:H124"/>
    <mergeCell ref="C125:H125"/>
    <mergeCell ref="C126:H126"/>
    <mergeCell ref="C127:H127"/>
    <mergeCell ref="C134:H134"/>
    <mergeCell ref="C135:H135"/>
    <mergeCell ref="C136:H136"/>
    <mergeCell ref="C137:H137"/>
    <mergeCell ref="C138:H138"/>
    <mergeCell ref="C139:H139"/>
    <mergeCell ref="C128:H128"/>
    <mergeCell ref="C129:H129"/>
    <mergeCell ref="C130:H130"/>
    <mergeCell ref="C131:H131"/>
    <mergeCell ref="C132:H132"/>
    <mergeCell ref="C133:H133"/>
    <mergeCell ref="C146:H146"/>
    <mergeCell ref="C147:H147"/>
    <mergeCell ref="C148:H148"/>
    <mergeCell ref="C149:H149"/>
    <mergeCell ref="C88:H88"/>
    <mergeCell ref="C96:H96"/>
    <mergeCell ref="I96:I99"/>
    <mergeCell ref="E97:H99"/>
    <mergeCell ref="C107:H107"/>
    <mergeCell ref="I107:I113"/>
    <mergeCell ref="E108:H108"/>
    <mergeCell ref="C109:H109"/>
    <mergeCell ref="E110:H110"/>
    <mergeCell ref="C111:H111"/>
    <mergeCell ref="I79:I88"/>
    <mergeCell ref="E112:H112"/>
    <mergeCell ref="C113:H113"/>
    <mergeCell ref="E84:F84"/>
    <mergeCell ref="G84:H84"/>
    <mergeCell ref="E85:H85"/>
    <mergeCell ref="E86:F86"/>
    <mergeCell ref="G86:H86"/>
    <mergeCell ref="E87:F87"/>
    <mergeCell ref="G87:H87"/>
    <mergeCell ref="C79:D81"/>
    <mergeCell ref="E79:H79"/>
    <mergeCell ref="E80:F80"/>
    <mergeCell ref="G80:H80"/>
    <mergeCell ref="E81:H81"/>
    <mergeCell ref="C82:D87"/>
    <mergeCell ref="E82:H82"/>
    <mergeCell ref="E83:F83"/>
    <mergeCell ref="G83:H83"/>
    <mergeCell ref="C60:F60"/>
    <mergeCell ref="J60:L60"/>
    <mergeCell ref="C61:F61"/>
    <mergeCell ref="C62:F62"/>
    <mergeCell ref="C63:F63"/>
    <mergeCell ref="C71:H71"/>
    <mergeCell ref="C57:G57"/>
    <mergeCell ref="J57:L57"/>
    <mergeCell ref="C58:F58"/>
    <mergeCell ref="J58:L58"/>
    <mergeCell ref="C59:F59"/>
    <mergeCell ref="J59:L59"/>
    <mergeCell ref="C54:G54"/>
    <mergeCell ref="H54:I54"/>
    <mergeCell ref="J54:N54"/>
    <mergeCell ref="C55:G55"/>
    <mergeCell ref="J55:N55"/>
    <mergeCell ref="C56:G56"/>
    <mergeCell ref="J56:L56"/>
    <mergeCell ref="C53:G53"/>
    <mergeCell ref="H53:I53"/>
    <mergeCell ref="J53:N53"/>
    <mergeCell ref="D42:L42"/>
    <mergeCell ref="D43:L43"/>
    <mergeCell ref="D44:L44"/>
    <mergeCell ref="L49:P49"/>
    <mergeCell ref="L50:P50"/>
    <mergeCell ref="C51:G51"/>
    <mergeCell ref="H51:I51"/>
    <mergeCell ref="J51:N51"/>
    <mergeCell ref="I35:K35"/>
    <mergeCell ref="D40:L40"/>
    <mergeCell ref="D41:L41"/>
    <mergeCell ref="I26:K26"/>
    <mergeCell ref="I31:K31"/>
    <mergeCell ref="L31:Q31"/>
    <mergeCell ref="C52:G52"/>
    <mergeCell ref="H52:I52"/>
    <mergeCell ref="J52:N52"/>
    <mergeCell ref="B5:D5"/>
    <mergeCell ref="I10:K10"/>
    <mergeCell ref="L10:Q10"/>
    <mergeCell ref="I11:K11"/>
    <mergeCell ref="I12:K12"/>
    <mergeCell ref="I13:K13"/>
    <mergeCell ref="I32:K32"/>
    <mergeCell ref="I33:K33"/>
    <mergeCell ref="I34:K34"/>
    <mergeCell ref="I23:K23"/>
    <mergeCell ref="I24:K24"/>
    <mergeCell ref="I25:K25"/>
    <mergeCell ref="I14:K14"/>
    <mergeCell ref="I15:K15"/>
    <mergeCell ref="I20:K20"/>
    <mergeCell ref="L20:Q20"/>
    <mergeCell ref="I21:K21"/>
    <mergeCell ref="I22:K22"/>
  </mergeCells>
  <phoneticPr fontId="3"/>
  <hyperlinks>
    <hyperlink ref="I430" location="病院!A1" display="TOPへ戻る"/>
    <hyperlink ref="I692" location="病院!A1" display="TOPへ戻る"/>
    <hyperlink ref="I336" location="病院!A1" display="TOPへ戻る"/>
    <hyperlink ref="C52:G52" location="病院!B75" display="・病床の状況"/>
    <hyperlink ref="C53:G53" location="病院!B92" display="・診療科"/>
    <hyperlink ref="C54:G54" location="病院!B103" display="・入院基本料・特定入院料及び届出病床数"/>
    <hyperlink ref="C56:G56" location="病院!B184" display="・DPC医療機関群の種類"/>
    <hyperlink ref="C55:G55" location="病院!B117" display="・算定する入院基本用・特定入院料等の状況"/>
    <hyperlink ref="C57:G57" location="病院!B192" display="・救急告示病院、二次救急医療施設、三次救急医療施設の告示・認定の有無"/>
    <hyperlink ref="J51:M51" location="病院!B380" display="・手術の状況"/>
    <hyperlink ref="J52:M52" location="病院!B416" display="・がん、脳卒中、心筋梗塞、分娩、精神医療への対応状況"/>
    <hyperlink ref="J53:M53" location="病院!B457" display="・重症患者への対応状況"/>
    <hyperlink ref="J54:M54" location="病院!B506" display="・看取りを行った患者数"/>
    <hyperlink ref="J55:M55" location="病院!B529" display="・救急医療の実施状況"/>
    <hyperlink ref="J56:K56" location="病院!B544" display="・全身管理の状況"/>
    <hyperlink ref="J57:K57" location="病院!B559" display="・リハビリテーションの実施状況"/>
    <hyperlink ref="J58:K58" location="病院!B596" display="・長期療養患者の受入状況"/>
    <hyperlink ref="J59:K59" location="病院!B607" display="・重度の障害児等の受入状況"/>
    <hyperlink ref="J60:K60" location="病院!B620" display="・医科歯科の連携状況"/>
    <hyperlink ref="J51:N51" location="病院!B443" display="・手術の状況"/>
    <hyperlink ref="J52:N52" location="病院!B479" display="・がん、脳卒中、心筋梗塞、分娩、精神医療への対応状況"/>
    <hyperlink ref="J53:N53" location="病院!B520" display="・重症患者への対応状況"/>
    <hyperlink ref="J54:N54" location="病院!B568" display="・救急医療の実施状況"/>
    <hyperlink ref="J55:N55" location="病院!B591" display="・急性期後の支援、在宅復帰の支援の状況"/>
    <hyperlink ref="J56:L56" location="病院!B606" display="・全身管理の状況"/>
    <hyperlink ref="J57:L57" location="病院!B621" display="・リハビリテーションの実施状況"/>
    <hyperlink ref="J59:L59" location="病院!B669" display="・重度の障害児等の受入状況"/>
    <hyperlink ref="J58:L58" location="病院!B658" display="・長期療養患者の受入状況"/>
    <hyperlink ref="J60:L60" location="病院!B682" display="・医科歯科の連携状況"/>
    <hyperlink ref="C60" location="病院!B221" display="・職員数の状況"/>
    <hyperlink ref="C61" location="病院!B280" display="・退院調整部門の設置状況"/>
    <hyperlink ref="C62" location="病院!B300" display="・医療機器の台数"/>
    <hyperlink ref="C63" location="病院!B325" display="・過去1年間の間に病棟の再編・見直しがあった場合の報告対象期間"/>
    <hyperlink ref="C51:G51" location="病院!B67" display="・設置主体"/>
    <hyperlink ref="C58" location="病院!B202" display="・承認の有無"/>
    <hyperlink ref="C59" location="病院!B211" display="・診療報酬の届出の有無"/>
    <hyperlink ref="C58:F58" location="病院!B202" display="・承認の有無"/>
    <hyperlink ref="H51:I51" location="病院!B348" display="・入院患者の状況（年間）"/>
    <hyperlink ref="H52:I52" location="病院!B361" display="・入院患者の状況（月間／入棟前の場所・退棟先の場所の状況）"/>
    <hyperlink ref="H53:I53" location="病院!B400" display="・退院後に在宅医療を必要とする患者の状況"/>
    <hyperlink ref="H54:I54" location="病院!B417" display="・看取りを行った患者数"/>
    <hyperlink ref="B5" r:id="rId1" display="http://www.mi.pref.hokkaido.lg.jp/hokkaido/ap/qq/dtl/pwdetaillt01_001.aspx?chosanendo=2016&amp;chosano=1&amp;kikancd=1010003140"/>
  </hyperlinks>
  <printOptions horizontalCentered="1"/>
  <pageMargins left="0.19685039370078741" right="0.19685039370078741" top="0.39370078740157483" bottom="0.43307086614173229" header="0.19685039370078741" footer="0.19685039370078741"/>
  <pageSetup paperSize="8" scale="22" fitToHeight="0" orientation="landscape" useFirstPageNumber="1" verticalDpi="300" r:id="rId2"/>
  <headerFooter>
    <oddFooter>&amp;C&amp;14&amp;P</oddFooter>
  </headerFooter>
  <rowBreaks count="21" manualBreakCount="21">
    <brk id="64" max="78" man="1"/>
    <brk id="102" max="78" man="1"/>
    <brk id="183" max="78" man="1"/>
    <brk id="220" max="78" man="1"/>
    <brk id="253" max="80" man="1"/>
    <brk id="279" max="78" man="1"/>
    <brk id="310" max="80" man="1"/>
    <brk id="324" max="78" man="1"/>
    <brk id="346" max="78" man="1"/>
    <brk id="416" max="78" man="1"/>
    <brk id="441" max="78" man="1"/>
    <brk id="478" max="78" man="1"/>
    <brk id="518" max="78" man="1"/>
    <brk id="557" max="80" man="1"/>
    <brk id="564" max="78" man="1"/>
    <brk id="580" max="78" man="1"/>
    <brk id="590" max="78" man="1"/>
    <brk id="605" max="78" man="1"/>
    <brk id="620" max="78" man="1"/>
    <brk id="642" max="78" man="1"/>
    <brk id="657" max="7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病院</vt:lpstr>
      <vt:lpstr>病院(H29)</vt:lpstr>
      <vt:lpstr>病院!Print_Area</vt:lpstr>
      <vt:lpstr>'病院(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19-02-21T12:18:28Z</cp:lastPrinted>
  <dcterms:created xsi:type="dcterms:W3CDTF">2019-03-05T10:58:25Z</dcterms:created>
  <dcterms:modified xsi:type="dcterms:W3CDTF">2021-02-22T02:41:08Z</dcterms:modified>
</cp:coreProperties>
</file>